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382"/>
  <workbookPr defaultThemeVersion="124226"/>
  <mc:AlternateContent xmlns:mc="http://schemas.openxmlformats.org/markup-compatibility/2006">
    <mc:Choice Requires="x15">
      <x15ac:absPath xmlns:x15ac="http://schemas.microsoft.com/office/spreadsheetml/2010/11/ac" url="\\NE16VW2410\Share$\i001580\Desktop\"/>
    </mc:Choice>
  </mc:AlternateContent>
  <xr:revisionPtr revIDLastSave="0" documentId="8_{516C4DCB-9EC3-4E0F-AE6A-66F026FAAE52}" xr6:coauthVersionLast="36" xr6:coauthVersionMax="36" xr10:uidLastSave="{00000000-0000-0000-0000-000000000000}"/>
  <bookViews>
    <workbookView xWindow="0" yWindow="0" windowWidth="15345" windowHeight="6735" xr2:uid="{00000000-000D-0000-FFFF-FFFF00000000}"/>
  </bookViews>
  <sheets>
    <sheet name="給与所得者異動届出書" sheetId="13" r:id="rId1"/>
  </sheets>
  <definedNames>
    <definedName name="_xlnm.Print_Area" localSheetId="0">給与所得者異動届出書!$A$1:$BE$56</definedName>
  </definedNames>
  <calcPr calcId="145621"/>
</workbook>
</file>

<file path=xl/sharedStrings.xml><?xml version="1.0" encoding="utf-8"?>
<sst xmlns="http://schemas.openxmlformats.org/spreadsheetml/2006/main" count="171" uniqueCount="155">
  <si>
    <t>給与支払者</t>
    <rPh sb="0" eb="2">
      <t>キュウヨ</t>
    </rPh>
    <rPh sb="2" eb="4">
      <t>シハライ</t>
    </rPh>
    <rPh sb="4" eb="5">
      <t>シャ</t>
    </rPh>
    <phoneticPr fontId="2"/>
  </si>
  <si>
    <t>(特別徴収義務者)</t>
    <rPh sb="1" eb="3">
      <t>トクベツ</t>
    </rPh>
    <rPh sb="3" eb="5">
      <t>チョウシュウ</t>
    </rPh>
    <rPh sb="5" eb="8">
      <t>ギムシャ</t>
    </rPh>
    <phoneticPr fontId="2"/>
  </si>
  <si>
    <t xml:space="preserve"> 〒</t>
    <phoneticPr fontId="2"/>
  </si>
  <si>
    <t>氏名</t>
    <rPh sb="0" eb="2">
      <t>シメイ</t>
    </rPh>
    <phoneticPr fontId="2"/>
  </si>
  <si>
    <t>電話</t>
    <rPh sb="0" eb="2">
      <t>デンワ</t>
    </rPh>
    <phoneticPr fontId="2"/>
  </si>
  <si>
    <t>（ア）</t>
    <phoneticPr fontId="2"/>
  </si>
  <si>
    <t>（イ）</t>
    <phoneticPr fontId="2"/>
  </si>
  <si>
    <t>（ウ）</t>
    <phoneticPr fontId="2"/>
  </si>
  <si>
    <t>特別徴収税額</t>
    <rPh sb="0" eb="2">
      <t>トクベツ</t>
    </rPh>
    <rPh sb="2" eb="4">
      <t>チョウシュウ</t>
    </rPh>
    <rPh sb="4" eb="6">
      <t>ゼイガク</t>
    </rPh>
    <phoneticPr fontId="2"/>
  </si>
  <si>
    <t>未徴収税額</t>
    <rPh sb="0" eb="1">
      <t>ミ</t>
    </rPh>
    <rPh sb="1" eb="3">
      <t>チョウシュウ</t>
    </rPh>
    <rPh sb="3" eb="4">
      <t>ゼイ</t>
    </rPh>
    <rPh sb="4" eb="5">
      <t>ガク</t>
    </rPh>
    <phoneticPr fontId="2"/>
  </si>
  <si>
    <t>異動年月日</t>
    <rPh sb="0" eb="2">
      <t>イドウ</t>
    </rPh>
    <rPh sb="2" eb="5">
      <t>ネンガッピ</t>
    </rPh>
    <phoneticPr fontId="2"/>
  </si>
  <si>
    <t>異 動 の 事 由</t>
    <rPh sb="0" eb="1">
      <t>イ</t>
    </rPh>
    <rPh sb="2" eb="3">
      <t>ドウ</t>
    </rPh>
    <rPh sb="6" eb="7">
      <t>コト</t>
    </rPh>
    <rPh sb="8" eb="9">
      <t>ヨシ</t>
    </rPh>
    <phoneticPr fontId="2"/>
  </si>
  <si>
    <t>（年税額）</t>
    <rPh sb="1" eb="4">
      <t>ネンゼイガク</t>
    </rPh>
    <phoneticPr fontId="2"/>
  </si>
  <si>
    <t>（ア）－（イ）</t>
    <phoneticPr fontId="2"/>
  </si>
  <si>
    <t>生 年 月 日</t>
    <rPh sb="0" eb="1">
      <t>ショウ</t>
    </rPh>
    <rPh sb="2" eb="3">
      <t>トシ</t>
    </rPh>
    <rPh sb="4" eb="5">
      <t>ツキ</t>
    </rPh>
    <rPh sb="6" eb="7">
      <t>ヒ</t>
    </rPh>
    <phoneticPr fontId="2"/>
  </si>
  <si>
    <t>一　　括　　徴　　収　　の　　理　　由</t>
    <rPh sb="0" eb="1">
      <t>イチ</t>
    </rPh>
    <rPh sb="3" eb="4">
      <t>クク</t>
    </rPh>
    <rPh sb="6" eb="7">
      <t>シルシ</t>
    </rPh>
    <rPh sb="9" eb="10">
      <t>オサム</t>
    </rPh>
    <rPh sb="15" eb="16">
      <t>リ</t>
    </rPh>
    <rPh sb="18" eb="19">
      <t>ユウ</t>
    </rPh>
    <phoneticPr fontId="2"/>
  </si>
  <si>
    <t>徴収予定額</t>
    <rPh sb="0" eb="1">
      <t>シルシ</t>
    </rPh>
    <rPh sb="1" eb="2">
      <t>オサム</t>
    </rPh>
    <rPh sb="2" eb="3">
      <t>ヨ</t>
    </rPh>
    <rPh sb="3" eb="4">
      <t>サダム</t>
    </rPh>
    <rPh sb="4" eb="5">
      <t>ガク</t>
    </rPh>
    <phoneticPr fontId="2"/>
  </si>
  <si>
    <t>徴収予定額合計</t>
    <rPh sb="0" eb="1">
      <t>シルシ</t>
    </rPh>
    <rPh sb="1" eb="2">
      <t>オサム</t>
    </rPh>
    <rPh sb="2" eb="3">
      <t>ヨ</t>
    </rPh>
    <rPh sb="3" eb="4">
      <t>サダム</t>
    </rPh>
    <rPh sb="4" eb="5">
      <t>ガク</t>
    </rPh>
    <rPh sb="5" eb="6">
      <t>ゴウ</t>
    </rPh>
    <rPh sb="6" eb="7">
      <t>ケイ</t>
    </rPh>
    <phoneticPr fontId="2"/>
  </si>
  <si>
    <t>（上記（ウ）と同額 ）</t>
    <phoneticPr fontId="2"/>
  </si>
  <si>
    <t>異　 動　 者 　印</t>
    <rPh sb="0" eb="1">
      <t>イ</t>
    </rPh>
    <rPh sb="3" eb="4">
      <t>ドウ</t>
    </rPh>
    <rPh sb="6" eb="7">
      <t>モノ</t>
    </rPh>
    <rPh sb="9" eb="10">
      <t>ジルシ</t>
    </rPh>
    <phoneticPr fontId="2"/>
  </si>
  <si>
    <t>特別徴収義務者
指   定   番   号</t>
    <rPh sb="0" eb="2">
      <t>トクベツ</t>
    </rPh>
    <rPh sb="2" eb="4">
      <t>チョウシュウ</t>
    </rPh>
    <rPh sb="4" eb="7">
      <t>ギムシャ</t>
    </rPh>
    <phoneticPr fontId="2"/>
  </si>
  <si>
    <t>・</t>
    <phoneticPr fontId="2"/>
  </si>
  <si>
    <t>１　（普Ｂ）</t>
    <rPh sb="3" eb="4">
      <t>フ</t>
    </rPh>
    <phoneticPr fontId="2"/>
  </si>
  <si>
    <t>２　（普Ｃ）</t>
    <rPh sb="3" eb="4">
      <t>フ</t>
    </rPh>
    <phoneticPr fontId="2"/>
  </si>
  <si>
    <t>４　（普Ｅ）</t>
    <rPh sb="3" eb="4">
      <t>フ</t>
    </rPh>
    <phoneticPr fontId="2"/>
  </si>
  <si>
    <t>３　（普Ｄ）</t>
    <rPh sb="3" eb="4">
      <t>フ</t>
    </rPh>
    <phoneticPr fontId="2"/>
  </si>
  <si>
    <t>課・係</t>
    <rPh sb="0" eb="1">
      <t>カ</t>
    </rPh>
    <rPh sb="2" eb="3">
      <t>カカリ</t>
    </rPh>
    <phoneticPr fontId="2"/>
  </si>
  <si>
    <t>徴　収　予　定</t>
    <rPh sb="0" eb="1">
      <t>シルシ</t>
    </rPh>
    <rPh sb="2" eb="3">
      <t>オサム</t>
    </rPh>
    <rPh sb="4" eb="5">
      <t>ヨ</t>
    </rPh>
    <rPh sb="6" eb="7">
      <t>サダム</t>
    </rPh>
    <phoneticPr fontId="2"/>
  </si>
  <si>
    <t>　次のいずれかの理由を必ず選択してください。</t>
    <rPh sb="11" eb="12">
      <t>カナラ</t>
    </rPh>
    <rPh sb="13" eb="15">
      <t>センタク</t>
    </rPh>
    <phoneticPr fontId="2"/>
  </si>
  <si>
    <t>氏名又は名称</t>
    <rPh sb="0" eb="2">
      <t>シメイ</t>
    </rPh>
    <rPh sb="2" eb="3">
      <t>マタ</t>
    </rPh>
    <rPh sb="4" eb="6">
      <t>メイショウ</t>
    </rPh>
    <phoneticPr fontId="2"/>
  </si>
  <si>
    <t>住所（居所）
又は所在地</t>
    <rPh sb="0" eb="2">
      <t>ジュウショ</t>
    </rPh>
    <rPh sb="3" eb="5">
      <t>キョショ</t>
    </rPh>
    <rPh sb="7" eb="8">
      <t>マタ</t>
    </rPh>
    <rPh sb="9" eb="12">
      <t>ショザイチ</t>
    </rPh>
    <phoneticPr fontId="2"/>
  </si>
  <si>
    <t>個人番号
又は法人番号</t>
    <rPh sb="0" eb="2">
      <t>コジン</t>
    </rPh>
    <rPh sb="2" eb="4">
      <t>バンゴウ</t>
    </rPh>
    <rPh sb="5" eb="6">
      <t>マタ</t>
    </rPh>
    <rPh sb="7" eb="9">
      <t>ホウジン</t>
    </rPh>
    <rPh sb="9" eb="11">
      <t>バンゴウ</t>
    </rPh>
    <phoneticPr fontId="2"/>
  </si>
  <si>
    <t>給　 与 　所　得 　者</t>
    <phoneticPr fontId="2"/>
  </si>
  <si>
    <t>徴収済額</t>
    <rPh sb="0" eb="1">
      <t>シルシ</t>
    </rPh>
    <rPh sb="1" eb="2">
      <t>オサム</t>
    </rPh>
    <rPh sb="2" eb="3">
      <t>ズ</t>
    </rPh>
    <rPh sb="3" eb="4">
      <t>ガク</t>
    </rPh>
    <phoneticPr fontId="2"/>
  </si>
  <si>
    <t>徴収予定
月　　　日</t>
    <rPh sb="0" eb="1">
      <t>シルシ</t>
    </rPh>
    <rPh sb="1" eb="2">
      <t>オサム</t>
    </rPh>
    <rPh sb="2" eb="3">
      <t>ヨ</t>
    </rPh>
    <rPh sb="3" eb="4">
      <t>サダム</t>
    </rPh>
    <rPh sb="5" eb="6">
      <t>ツキ</t>
    </rPh>
    <rPh sb="9" eb="10">
      <t>ヒ</t>
    </rPh>
    <phoneticPr fontId="2"/>
  </si>
  <si>
    <t>個 人 番 号</t>
    <rPh sb="0" eb="1">
      <t>コ</t>
    </rPh>
    <rPh sb="2" eb="3">
      <t>ヒト</t>
    </rPh>
    <rPh sb="4" eb="5">
      <t>バン</t>
    </rPh>
    <rPh sb="6" eb="7">
      <t>ゴウ</t>
    </rPh>
    <phoneticPr fontId="2"/>
  </si>
  <si>
    <t>フ　  リ　  ガ　  ナ</t>
    <phoneticPr fontId="2"/>
  </si>
  <si>
    <t>年</t>
    <rPh sb="0" eb="1">
      <t>ネン</t>
    </rPh>
    <phoneticPr fontId="2"/>
  </si>
  <si>
    <t>月</t>
    <rPh sb="0" eb="1">
      <t>ゲツ</t>
    </rPh>
    <phoneticPr fontId="2"/>
  </si>
  <si>
    <t>日提出</t>
    <phoneticPr fontId="2"/>
  </si>
  <si>
    <t>月</t>
    <rPh sb="0" eb="1">
      <t>ガツ</t>
    </rPh>
    <phoneticPr fontId="2"/>
  </si>
  <si>
    <t>日</t>
    <rPh sb="0" eb="1">
      <t>ヒ</t>
    </rPh>
    <phoneticPr fontId="2"/>
  </si>
  <si>
    <t>月から</t>
    <phoneticPr fontId="2"/>
  </si>
  <si>
    <t>( 内線</t>
    <phoneticPr fontId="2"/>
  </si>
  <si>
    <t>日申出）</t>
    <phoneticPr fontId="2"/>
  </si>
  <si>
    <t>月</t>
    <phoneticPr fontId="2"/>
  </si>
  <si>
    <t>宛　 名 　番 　号</t>
    <rPh sb="0" eb="1">
      <t>アテ</t>
    </rPh>
    <rPh sb="3" eb="4">
      <t>ナ</t>
    </rPh>
    <rPh sb="6" eb="7">
      <t>バン</t>
    </rPh>
    <rPh sb="9" eb="10">
      <t>ゴウ</t>
    </rPh>
    <phoneticPr fontId="2"/>
  </si>
  <si>
    <t>月まで</t>
    <phoneticPr fontId="2"/>
  </si>
  <si>
    <t>異動後の未徴収
税 額 の 徴 収</t>
    <rPh sb="0" eb="2">
      <t>イドウ</t>
    </rPh>
    <rPh sb="2" eb="3">
      <t>ゴ</t>
    </rPh>
    <rPh sb="4" eb="5">
      <t>ミ</t>
    </rPh>
    <rPh sb="5" eb="6">
      <t>シルシ</t>
    </rPh>
    <phoneticPr fontId="2"/>
  </si>
  <si>
    <t>氏 名 又 は 名 称</t>
    <rPh sb="4" eb="5">
      <t>マタ</t>
    </rPh>
    <phoneticPr fontId="2"/>
  </si>
  <si>
    <t>　他の事業所で特別徴収
　（例：乙欄適用者）</t>
    <rPh sb="1" eb="2">
      <t>ホカ</t>
    </rPh>
    <rPh sb="3" eb="6">
      <t>ジギョウショ</t>
    </rPh>
    <rPh sb="7" eb="9">
      <t>トクベツ</t>
    </rPh>
    <rPh sb="9" eb="11">
      <t>チョウシュウ</t>
    </rPh>
    <rPh sb="14" eb="15">
      <t>レイ</t>
    </rPh>
    <rPh sb="16" eb="17">
      <t>オツ</t>
    </rPh>
    <rPh sb="17" eb="18">
      <t>ラン</t>
    </rPh>
    <rPh sb="18" eb="21">
      <t>テキヨウシャ</t>
    </rPh>
    <phoneticPr fontId="2"/>
  </si>
  <si>
    <t>　給与の支払が不定期
　（例：給与の支払が毎月でない）</t>
    <rPh sb="1" eb="3">
      <t>キュウヨ</t>
    </rPh>
    <rPh sb="4" eb="6">
      <t>シハラ</t>
    </rPh>
    <rPh sb="7" eb="10">
      <t>フテイキ</t>
    </rPh>
    <rPh sb="13" eb="14">
      <t>レイ</t>
    </rPh>
    <rPh sb="15" eb="17">
      <t>キュウヨ</t>
    </rPh>
    <rPh sb="18" eb="20">
      <t>シハラ</t>
    </rPh>
    <rPh sb="21" eb="23">
      <t>マイツキ</t>
    </rPh>
    <phoneticPr fontId="2"/>
  </si>
  <si>
    <t>　事業専従者
　（個人事業主のみ対象）</t>
    <rPh sb="1" eb="3">
      <t>ジギョウ</t>
    </rPh>
    <rPh sb="3" eb="6">
      <t>センジュウシャ</t>
    </rPh>
    <rPh sb="9" eb="11">
      <t>コジン</t>
    </rPh>
    <rPh sb="11" eb="14">
      <t>ジギョウヌシ</t>
    </rPh>
    <rPh sb="16" eb="18">
      <t>タイショウ</t>
    </rPh>
    <phoneticPr fontId="2"/>
  </si>
  <si>
    <t>年</t>
    <phoneticPr fontId="2"/>
  </si>
  <si>
    <t>日</t>
    <phoneticPr fontId="2"/>
  </si>
  <si>
    <t>　以後で、特別徴収の継続の希望がないため</t>
    <rPh sb="10" eb="12">
      <t>ケイゾク</t>
    </rPh>
    <phoneticPr fontId="2"/>
  </si>
  <si>
    <t>　までで、申出があったため</t>
    <phoneticPr fontId="2"/>
  </si>
  <si>
    <t>円を</t>
  </si>
  <si>
    <t>※市町村記入欄</t>
    <phoneticPr fontId="2"/>
  </si>
  <si>
    <t>　　（特別徴収不可）</t>
    <phoneticPr fontId="2"/>
  </si>
  <si>
    <t>新規の場合は、いずれかを○で囲んでください。</t>
    <rPh sb="0" eb="2">
      <t>シンキ</t>
    </rPh>
    <rPh sb="3" eb="5">
      <t>バアイ</t>
    </rPh>
    <rPh sb="14" eb="15">
      <t>カコ</t>
    </rPh>
    <phoneticPr fontId="2"/>
  </si>
  <si>
    <t>新しい勤務先では</t>
    <rPh sb="0" eb="1">
      <t>アタラ</t>
    </rPh>
    <rPh sb="3" eb="6">
      <t>キンムサキ</t>
    </rPh>
    <phoneticPr fontId="2"/>
  </si>
  <si>
    <t>・　・</t>
    <phoneticPr fontId="2"/>
  </si>
  <si>
    <t>（</t>
    <phoneticPr fontId="2"/>
  </si>
  <si>
    <t xml:space="preserve"> ２．転    勤</t>
    <rPh sb="3" eb="4">
      <t>テン</t>
    </rPh>
    <rPh sb="8" eb="9">
      <t>ツトム</t>
    </rPh>
    <phoneticPr fontId="2"/>
  </si>
  <si>
    <t xml:space="preserve"> １．退　  職</t>
    <rPh sb="3" eb="4">
      <t>シリゾ</t>
    </rPh>
    <rPh sb="7" eb="8">
      <t>ショク</t>
    </rPh>
    <phoneticPr fontId="2"/>
  </si>
  <si>
    <t>（※　新規事業所の場合は記入不要です。）</t>
    <phoneticPr fontId="2"/>
  </si>
  <si>
    <t>フ　リ　ガ　ナ</t>
    <phoneticPr fontId="2"/>
  </si>
  <si>
    <t>氏　　　　名</t>
    <rPh sb="0" eb="1">
      <t>シ</t>
    </rPh>
    <rPh sb="5" eb="6">
      <t>メイ</t>
    </rPh>
    <phoneticPr fontId="2"/>
  </si>
  <si>
    <t>旧姓</t>
    <rPh sb="0" eb="2">
      <t>キュウセイ</t>
    </rPh>
    <phoneticPr fontId="2"/>
  </si>
  <si>
    <t>新しい勤務先の住所
（居所）又は所在地</t>
    <rPh sb="0" eb="1">
      <t>アタラ</t>
    </rPh>
    <rPh sb="3" eb="6">
      <t>キンムサキ</t>
    </rPh>
    <rPh sb="7" eb="9">
      <t>ジュウショ</t>
    </rPh>
    <phoneticPr fontId="2"/>
  </si>
  <si>
    <t>納入書　　　要　　・　　不要</t>
    <rPh sb="0" eb="3">
      <t>ノウニュウショ</t>
    </rPh>
    <rPh sb="6" eb="7">
      <t>ヨウ</t>
    </rPh>
    <rPh sb="12" eb="14">
      <t>フヨウ</t>
    </rPh>
    <phoneticPr fontId="2"/>
  </si>
  <si>
    <t>特別徴収</t>
    <phoneticPr fontId="2"/>
  </si>
  <si>
    <t>）</t>
    <phoneticPr fontId="2"/>
  </si>
  <si>
    <t>受給者番号(整理番号)</t>
    <rPh sb="0" eb="3">
      <t>ジュキュウシャ</t>
    </rPh>
    <rPh sb="3" eb="4">
      <t>バン</t>
    </rPh>
    <rPh sb="4" eb="5">
      <t>ゴウ</t>
    </rPh>
    <rPh sb="6" eb="8">
      <t>セイリ</t>
    </rPh>
    <rPh sb="8" eb="10">
      <t>バンゴウ</t>
    </rPh>
    <phoneticPr fontId="2"/>
  </si>
  <si>
    <t>給与支払報告</t>
    <phoneticPr fontId="2"/>
  </si>
  <si>
    <t>続柄</t>
    <rPh sb="0" eb="2">
      <t>ゾクガラ</t>
    </rPh>
    <phoneticPr fontId="2"/>
  </si>
  <si>
    <t>住所</t>
    <rPh sb="0" eb="2">
      <t>ジュウショ</t>
    </rPh>
    <phoneticPr fontId="2"/>
  </si>
  <si>
    <t>◎異動があった場合は、速やかに提出してください。</t>
    <phoneticPr fontId="2"/>
  </si>
  <si>
    <t>◎転勤（転職）等による特別徴収届出書</t>
    <phoneticPr fontId="2"/>
  </si>
  <si>
    <t>御注意</t>
    <rPh sb="0" eb="3">
      <t>ゴチュウイ</t>
    </rPh>
    <phoneticPr fontId="2"/>
  </si>
  <si>
    <t>１　黒のボールペン又はペンで記載してください。</t>
    <rPh sb="2" eb="3">
      <t>クロ</t>
    </rPh>
    <rPh sb="9" eb="10">
      <t>マタ</t>
    </rPh>
    <rPh sb="14" eb="16">
      <t>キサイ</t>
    </rPh>
    <phoneticPr fontId="2"/>
  </si>
  <si>
    <t>２　「宛名番号」の欄には、特別徴収税額通知書に記載された宛名番号を記載してください。</t>
    <rPh sb="3" eb="5">
      <t>アテナ</t>
    </rPh>
    <rPh sb="5" eb="7">
      <t>バンゴウ</t>
    </rPh>
    <rPh sb="9" eb="10">
      <t>ラン</t>
    </rPh>
    <rPh sb="13" eb="15">
      <t>トクベツ</t>
    </rPh>
    <rPh sb="15" eb="17">
      <t>チョウシュウ</t>
    </rPh>
    <rPh sb="17" eb="19">
      <t>ゼイガク</t>
    </rPh>
    <rPh sb="19" eb="22">
      <t>ツウチショ</t>
    </rPh>
    <rPh sb="23" eb="25">
      <t>キサイ</t>
    </rPh>
    <rPh sb="28" eb="30">
      <t>アテナ</t>
    </rPh>
    <rPh sb="30" eb="32">
      <t>バンゴウ</t>
    </rPh>
    <rPh sb="33" eb="35">
      <t>キサイ</t>
    </rPh>
    <phoneticPr fontId="2"/>
  </si>
  <si>
    <t xml:space="preserve"> ３．合  　併</t>
    <rPh sb="3" eb="4">
      <t>ゴウ</t>
    </rPh>
    <rPh sb="7" eb="8">
      <t>ヘイ</t>
    </rPh>
    <phoneticPr fontId="2"/>
  </si>
  <si>
    <t xml:space="preserve"> ４．休  　職</t>
    <rPh sb="3" eb="4">
      <t>キュウ</t>
    </rPh>
    <rPh sb="7" eb="8">
      <t>ショク</t>
    </rPh>
    <phoneticPr fontId="2"/>
  </si>
  <si>
    <t xml:space="preserve"> ５．長期欠勤</t>
    <rPh sb="3" eb="5">
      <t>チョウキ</t>
    </rPh>
    <rPh sb="5" eb="7">
      <t>ケッキン</t>
    </rPh>
    <phoneticPr fontId="2"/>
  </si>
  <si>
    <t xml:space="preserve"> ６．死　  亡</t>
    <rPh sb="3" eb="4">
      <t>シ</t>
    </rPh>
    <rPh sb="7" eb="8">
      <t>ボウ</t>
    </rPh>
    <phoneticPr fontId="2"/>
  </si>
  <si>
    <t xml:space="preserve"> ７．会社解散</t>
    <rPh sb="3" eb="5">
      <t>カイシャ</t>
    </rPh>
    <rPh sb="5" eb="7">
      <t>カイサン</t>
    </rPh>
    <phoneticPr fontId="2"/>
  </si>
  <si>
    <t xml:space="preserve"> ８．住所誤報</t>
    <rPh sb="3" eb="5">
      <t>ジュウショ</t>
    </rPh>
    <rPh sb="5" eb="7">
      <t>ゴホウ</t>
    </rPh>
    <phoneticPr fontId="2"/>
  </si>
  <si>
    <t xml:space="preserve"> ９．そ の 他</t>
    <phoneticPr fontId="2"/>
  </si>
  <si>
    <t>※　「９．その他（特別徴収不可）」を選択された場合は、</t>
    <rPh sb="7" eb="8">
      <t>タ</t>
    </rPh>
    <rPh sb="18" eb="20">
      <t>センタク</t>
    </rPh>
    <rPh sb="23" eb="25">
      <t>バアイ</t>
    </rPh>
    <phoneticPr fontId="2"/>
  </si>
  <si>
    <t>給与の支払を受け
なくなった後の住所</t>
    <phoneticPr fontId="2"/>
  </si>
  <si>
    <t>昭和 ・平成</t>
    <rPh sb="0" eb="1">
      <t>アキラ</t>
    </rPh>
    <rPh sb="1" eb="2">
      <t>ワ</t>
    </rPh>
    <rPh sb="4" eb="6">
      <t>ヘイセイ</t>
    </rPh>
    <phoneticPr fontId="2"/>
  </si>
  <si>
    <t>課･係</t>
    <phoneticPr fontId="2"/>
  </si>
  <si>
    <t>４　一月一日から四月三十日までの間に退職した人に未徴収税額がある場合には、一括徴収することが義務づけられています。</t>
    <rPh sb="2" eb="3">
      <t>イチ</t>
    </rPh>
    <rPh sb="3" eb="4">
      <t>ゲツ</t>
    </rPh>
    <rPh sb="4" eb="5">
      <t>イチ</t>
    </rPh>
    <rPh sb="5" eb="6">
      <t>ニチ</t>
    </rPh>
    <rPh sb="8" eb="9">
      <t>ヨン</t>
    </rPh>
    <rPh sb="9" eb="10">
      <t>ゲツ</t>
    </rPh>
    <rPh sb="10" eb="11">
      <t>サン</t>
    </rPh>
    <rPh sb="11" eb="12">
      <t>ジュウ</t>
    </rPh>
    <rPh sb="12" eb="13">
      <t>ニチ</t>
    </rPh>
    <rPh sb="16" eb="17">
      <t>アイダ</t>
    </rPh>
    <rPh sb="18" eb="20">
      <t>タイショク</t>
    </rPh>
    <rPh sb="22" eb="23">
      <t>ヒト</t>
    </rPh>
    <rPh sb="24" eb="27">
      <t>ミチョウシュウ</t>
    </rPh>
    <rPh sb="27" eb="29">
      <t>ゼイガク</t>
    </rPh>
    <rPh sb="32" eb="34">
      <t>バアイ</t>
    </rPh>
    <rPh sb="37" eb="39">
      <t>イッカツ</t>
    </rPh>
    <rPh sb="39" eb="41">
      <t>チョウシュウ</t>
    </rPh>
    <rPh sb="46" eb="48">
      <t>ギム</t>
    </rPh>
    <phoneticPr fontId="2"/>
  </si>
  <si>
    <t>３　転勤、再就職等により異動後の勤務先で引き続き特別徴収を行う場合には、前勤務先で最上段の事項を記載し、新勤務先に送付願います。</t>
    <rPh sb="2" eb="4">
      <t>テンキン</t>
    </rPh>
    <rPh sb="5" eb="9">
      <t>サイシュウショクトウ</t>
    </rPh>
    <rPh sb="12" eb="14">
      <t>イドウ</t>
    </rPh>
    <rPh sb="14" eb="15">
      <t>ゴ</t>
    </rPh>
    <rPh sb="16" eb="19">
      <t>キンムサキ</t>
    </rPh>
    <rPh sb="20" eb="21">
      <t>ヒ</t>
    </rPh>
    <rPh sb="22" eb="23">
      <t>ツヅ</t>
    </rPh>
    <rPh sb="24" eb="26">
      <t>トクベツ</t>
    </rPh>
    <rPh sb="26" eb="28">
      <t>チョウシュウ</t>
    </rPh>
    <rPh sb="29" eb="30">
      <t>オコナ</t>
    </rPh>
    <rPh sb="31" eb="33">
      <t>バアイ</t>
    </rPh>
    <rPh sb="36" eb="37">
      <t>ゼン</t>
    </rPh>
    <rPh sb="37" eb="40">
      <t>キンムサキ</t>
    </rPh>
    <rPh sb="41" eb="42">
      <t>サイ</t>
    </rPh>
    <rPh sb="42" eb="44">
      <t>ジョウダン</t>
    </rPh>
    <rPh sb="45" eb="47">
      <t>ジコウ</t>
    </rPh>
    <rPh sb="48" eb="50">
      <t>キサイ</t>
    </rPh>
    <rPh sb="52" eb="53">
      <t>シン</t>
    </rPh>
    <rPh sb="53" eb="56">
      <t>キンムサキ</t>
    </rPh>
    <rPh sb="57" eb="59">
      <t>ソウフ</t>
    </rPh>
    <rPh sb="59" eb="60">
      <t>ネガ</t>
    </rPh>
    <phoneticPr fontId="2"/>
  </si>
  <si>
    <t>に係る給与所得者異動届出書</t>
    <rPh sb="1" eb="2">
      <t>カカ</t>
    </rPh>
    <rPh sb="3" eb="5">
      <t>キュウヨ</t>
    </rPh>
    <rPh sb="5" eb="7">
      <t>ショトク</t>
    </rPh>
    <rPh sb="7" eb="8">
      <t>シャ</t>
    </rPh>
    <rPh sb="8" eb="11">
      <t>イドウトドケ</t>
    </rPh>
    <rPh sb="11" eb="12">
      <t>デ</t>
    </rPh>
    <rPh sb="12" eb="13">
      <t>ショ</t>
    </rPh>
    <phoneticPr fontId="2"/>
  </si>
  <si>
    <t>月割額</t>
    <rPh sb="0" eb="2">
      <t>ツキワ</t>
    </rPh>
    <rPh sb="2" eb="3">
      <t>ガク</t>
    </rPh>
    <phoneticPr fontId="2"/>
  </si>
  <si>
    <t>◎給与の支払を受けなくなった後の月割額（未徴収税額）を一括徴収する場合は、次の欄にも記載してください。</t>
    <rPh sb="42" eb="44">
      <t>キサイ</t>
    </rPh>
    <phoneticPr fontId="2"/>
  </si>
  <si>
    <t>※処理事項</t>
    <rPh sb="3" eb="5">
      <t>ジコウ</t>
    </rPh>
    <phoneticPr fontId="2"/>
  </si>
  <si>
    <t>Ⅰ</t>
    <phoneticPr fontId="2"/>
  </si>
  <si>
    <t>Ⅱ</t>
    <phoneticPr fontId="2"/>
  </si>
  <si>
    <t>Ⅲ</t>
    <phoneticPr fontId="2"/>
  </si>
  <si>
    <t>日納期分）</t>
    <phoneticPr fontId="2"/>
  </si>
  <si>
    <t>　給与が少なく税額が引けない</t>
    <rPh sb="1" eb="3">
      <t>キュウヨ</t>
    </rPh>
    <rPh sb="4" eb="5">
      <t>スク</t>
    </rPh>
    <rPh sb="7" eb="9">
      <t>ゼイガク</t>
    </rPh>
    <rPh sb="10" eb="11">
      <t>ヒ</t>
    </rPh>
    <phoneticPr fontId="2"/>
  </si>
  <si>
    <t>※１月以降は必須</t>
    <phoneticPr fontId="2"/>
  </si>
  <si>
    <t>月分で納入</t>
    <phoneticPr fontId="2"/>
  </si>
  <si>
    <t>（</t>
    <phoneticPr fontId="2"/>
  </si>
  <si>
    <t>理由</t>
    <phoneticPr fontId="2"/>
  </si>
  <si>
    <t>控除社会</t>
    <rPh sb="0" eb="1">
      <t>ヒカエ</t>
    </rPh>
    <rPh sb="1" eb="2">
      <t>ジョ</t>
    </rPh>
    <rPh sb="2" eb="3">
      <t>シャ</t>
    </rPh>
    <rPh sb="3" eb="4">
      <t>カイ</t>
    </rPh>
    <phoneticPr fontId="2"/>
  </si>
  <si>
    <t>保険料額</t>
    <phoneticPr fontId="2"/>
  </si>
  <si>
    <t>年特</t>
    <rPh sb="0" eb="1">
      <t>ネン</t>
    </rPh>
    <rPh sb="1" eb="2">
      <t>トク</t>
    </rPh>
    <phoneticPr fontId="2"/>
  </si>
  <si>
    <t>年普</t>
    <rPh sb="0" eb="1">
      <t>ネン</t>
    </rPh>
    <rPh sb="1" eb="2">
      <t>フ</t>
    </rPh>
    <phoneticPr fontId="2"/>
  </si>
  <si>
    <t>口振</t>
    <rPh sb="0" eb="1">
      <t>クチ</t>
    </rPh>
    <rPh sb="1" eb="2">
      <t>フ</t>
    </rPh>
    <phoneticPr fontId="2"/>
  </si>
  <si>
    <t>併徴</t>
    <rPh sb="0" eb="2">
      <t>ヘイチョウ</t>
    </rPh>
    <phoneticPr fontId="2"/>
  </si>
  <si>
    <t>個  人
コード</t>
    <rPh sb="0" eb="1">
      <t>コ</t>
    </rPh>
    <rPh sb="3" eb="4">
      <t>ヒト</t>
    </rPh>
    <phoneticPr fontId="2"/>
  </si>
  <si>
    <t>つ づ り 送 付</t>
    <rPh sb="6" eb="7">
      <t>ソウ</t>
    </rPh>
    <rPh sb="8" eb="9">
      <t>ツキ</t>
    </rPh>
    <phoneticPr fontId="2"/>
  </si>
  <si>
    <t>納 入 書 送 付</t>
    <rPh sb="0" eb="1">
      <t>オサム</t>
    </rPh>
    <rPh sb="2" eb="3">
      <t>イ</t>
    </rPh>
    <rPh sb="4" eb="5">
      <t>ショ</t>
    </rPh>
    <rPh sb="6" eb="7">
      <t>ソウ</t>
    </rPh>
    <rPh sb="8" eb="9">
      <t>ツキ</t>
    </rPh>
    <phoneticPr fontId="2"/>
  </si>
  <si>
    <t>仮 通 知 送 付</t>
    <rPh sb="0" eb="1">
      <t>カリ</t>
    </rPh>
    <rPh sb="2" eb="3">
      <t>ツウ</t>
    </rPh>
    <rPh sb="4" eb="5">
      <t>チ</t>
    </rPh>
    <rPh sb="6" eb="7">
      <t>ソウ</t>
    </rPh>
    <rPh sb="8" eb="9">
      <t>ツキ</t>
    </rPh>
    <phoneticPr fontId="2"/>
  </si>
  <si>
    <t>収  納  確  認</t>
    <rPh sb="0" eb="1">
      <t>オサム</t>
    </rPh>
    <rPh sb="3" eb="4">
      <t>オサム</t>
    </rPh>
    <rPh sb="6" eb="7">
      <t>アキラ</t>
    </rPh>
    <rPh sb="9" eb="10">
      <t>シノブ</t>
    </rPh>
    <phoneticPr fontId="2"/>
  </si>
  <si>
    <t>現年度</t>
    <rPh sb="0" eb="1">
      <t>ゲン</t>
    </rPh>
    <rPh sb="1" eb="3">
      <t>ネンド</t>
    </rPh>
    <phoneticPr fontId="2"/>
  </si>
  <si>
    <t>新年度</t>
    <rPh sb="0" eb="3">
      <t>シンネンド</t>
    </rPh>
    <phoneticPr fontId="2"/>
  </si>
  <si>
    <t>両年度</t>
    <rPh sb="0" eb="1">
      <t>リョウ</t>
    </rPh>
    <rPh sb="1" eb="3">
      <t>ネンド</t>
    </rPh>
    <phoneticPr fontId="2"/>
  </si>
  <si>
    <t>コピー済</t>
    <rPh sb="3" eb="4">
      <t>スミ</t>
    </rPh>
    <phoneticPr fontId="2"/>
  </si>
  <si>
    <t xml:space="preserve">      ／          月</t>
    <rPh sb="17" eb="18">
      <t>ツキ</t>
    </rPh>
    <phoneticPr fontId="2"/>
  </si>
  <si>
    <t xml:space="preserve">    /     有  ･  無</t>
    <rPh sb="10" eb="11">
      <t>アリ</t>
    </rPh>
    <rPh sb="16" eb="17">
      <t>ナ</t>
    </rPh>
    <phoneticPr fontId="2"/>
  </si>
  <si>
    <t>退職した年の1</t>
    <rPh sb="0" eb="2">
      <t>タイショク</t>
    </rPh>
    <rPh sb="4" eb="5">
      <t>トシ</t>
    </rPh>
    <phoneticPr fontId="2"/>
  </si>
  <si>
    <t>月から退職時ま</t>
    <rPh sb="0" eb="1">
      <t>ガツ</t>
    </rPh>
    <rPh sb="3" eb="6">
      <t>タイショクジ</t>
    </rPh>
    <phoneticPr fontId="2"/>
  </si>
  <si>
    <t>での給与支払額</t>
    <rPh sb="2" eb="4">
      <t>キュウヨ</t>
    </rPh>
    <rPh sb="4" eb="6">
      <t>シハライ</t>
    </rPh>
    <rPh sb="6" eb="7">
      <t>ガク</t>
    </rPh>
    <phoneticPr fontId="2"/>
  </si>
  <si>
    <t>【 提出先 】　〒３５４－８５１１　　富士見市大字鶴馬１８００番地の１    富士見市役所 税務課 市民税係    電話（０４９） ２５１－２７１１</t>
    <phoneticPr fontId="2"/>
  </si>
  <si>
    <t>（宛先）富士見市長</t>
    <rPh sb="1" eb="2">
      <t>アテ</t>
    </rPh>
    <rPh sb="2" eb="3">
      <t>サキ</t>
    </rPh>
    <rPh sb="4" eb="7">
      <t>フジミ</t>
    </rPh>
    <rPh sb="7" eb="9">
      <t>シチョウ</t>
    </rPh>
    <phoneticPr fontId="2"/>
  </si>
  <si>
    <t xml:space="preserve"> 1.特別徴収継続（ⅠとⅢに記入）</t>
    <rPh sb="3" eb="5">
      <t>トクベツ</t>
    </rPh>
    <rPh sb="5" eb="7">
      <t>チョウシュウ</t>
    </rPh>
    <rPh sb="7" eb="9">
      <t>ケイゾク</t>
    </rPh>
    <rPh sb="14" eb="16">
      <t>キニュウ</t>
    </rPh>
    <phoneticPr fontId="2"/>
  </si>
  <si>
    <t>　新勤務先では最下段の事項を記載し、一月一日現在の住所地（課税地）の市町村長に送付してください。</t>
    <phoneticPr fontId="2"/>
  </si>
  <si>
    <t>　また、前勤務先が個人事業主の場合、「給与支払者」の欄の「個人番号」は、前勤務先では記載せず、新勤務先へ送付願います。</t>
    <rPh sb="4" eb="5">
      <t>ゼン</t>
    </rPh>
    <rPh sb="5" eb="8">
      <t>キンムサキ</t>
    </rPh>
    <rPh sb="9" eb="11">
      <t>コジン</t>
    </rPh>
    <rPh sb="11" eb="14">
      <t>ジギョウヌシ</t>
    </rPh>
    <rPh sb="15" eb="17">
      <t>バアイ</t>
    </rPh>
    <rPh sb="21" eb="23">
      <t>シハラ</t>
    </rPh>
    <rPh sb="47" eb="48">
      <t>シン</t>
    </rPh>
    <rPh sb="48" eb="51">
      <t>キンムサキ</t>
    </rPh>
    <rPh sb="52" eb="54">
      <t>ソウフ</t>
    </rPh>
    <rPh sb="54" eb="55">
      <t>ネガ</t>
    </rPh>
    <phoneticPr fontId="2"/>
  </si>
  <si>
    <t>　ただし、「給与所得者」の欄の「個人番号」は、前勤務先では記載せず、新勤務先で本人から番号の提供を受け記載してください。</t>
    <phoneticPr fontId="2"/>
  </si>
  <si>
    <t xml:space="preserve"> 2.一括徴収(ⅠとⅡに記入)</t>
    <phoneticPr fontId="2"/>
  </si>
  <si>
    <r>
      <t>１</t>
    </r>
    <r>
      <rPr>
        <sz val="6"/>
        <color theme="1"/>
        <rFont val="ＭＳ 明朝"/>
        <family val="1"/>
        <charset val="128"/>
      </rPr>
      <t xml:space="preserve"> </t>
    </r>
    <r>
      <rPr>
        <sz val="10"/>
        <color theme="1"/>
        <rFont val="ＭＳ 明朝"/>
        <family val="1"/>
        <charset val="128"/>
      </rPr>
      <t>月 １</t>
    </r>
    <r>
      <rPr>
        <sz val="6"/>
        <color theme="1"/>
        <rFont val="ＭＳ 明朝"/>
        <family val="1"/>
        <charset val="128"/>
      </rPr>
      <t xml:space="preserve"> </t>
    </r>
    <r>
      <rPr>
        <sz val="10"/>
        <color theme="1"/>
        <rFont val="ＭＳ 明朝"/>
        <family val="1"/>
        <charset val="128"/>
      </rPr>
      <t>日
現在の住所　</t>
    </r>
    <phoneticPr fontId="2"/>
  </si>
  <si>
    <t xml:space="preserve">  3.普通徴収（Ⅰのみ記入）</t>
    <phoneticPr fontId="2"/>
  </si>
  <si>
    <t>個人番号又は法人番号</t>
    <rPh sb="0" eb="2">
      <t>コジン</t>
    </rPh>
    <rPh sb="2" eb="4">
      <t>バンゴウ</t>
    </rPh>
    <rPh sb="4" eb="5">
      <t>マタ</t>
    </rPh>
    <rPh sb="6" eb="8">
      <t>ホウジン</t>
    </rPh>
    <rPh sb="8" eb="10">
      <t>バンゴウ</t>
    </rPh>
    <phoneticPr fontId="2"/>
  </si>
  <si>
    <t>氏名</t>
    <phoneticPr fontId="2"/>
  </si>
  <si>
    <t>電話</t>
    <phoneticPr fontId="2"/>
  </si>
  <si>
    <t xml:space="preserve"> 〒</t>
  </si>
  <si>
    <t>新しい勤務先の特別徴収義務者指定番号</t>
    <rPh sb="0" eb="1">
      <t>アタラ</t>
    </rPh>
    <rPh sb="3" eb="4">
      <t>ツトム</t>
    </rPh>
    <rPh sb="4" eb="5">
      <t>ツトム</t>
    </rPh>
    <rPh sb="5" eb="6">
      <t>サキ</t>
    </rPh>
    <rPh sb="7" eb="8">
      <t>トク</t>
    </rPh>
    <rPh sb="8" eb="9">
      <t>ベツ</t>
    </rPh>
    <phoneticPr fontId="2"/>
  </si>
  <si>
    <r>
      <t xml:space="preserve">相続人の連絡先について
</t>
    </r>
    <r>
      <rPr>
        <sz val="8"/>
        <color theme="1"/>
        <rFont val="ＭＳ Ｐ明朝"/>
        <family val="1"/>
        <charset val="128"/>
      </rPr>
      <t>※わかる場合のみご記入ください。</t>
    </r>
    <rPh sb="0" eb="3">
      <t>ソウゾクニン</t>
    </rPh>
    <rPh sb="4" eb="7">
      <t>レンラクサキ</t>
    </rPh>
    <rPh sb="16" eb="18">
      <t>バアイ</t>
    </rPh>
    <rPh sb="21" eb="23">
      <t>キニュウ</t>
    </rPh>
    <phoneticPr fontId="2"/>
  </si>
  <si>
    <t>円</t>
    <rPh sb="0" eb="1">
      <t>エン</t>
    </rPh>
    <phoneticPr fontId="2"/>
  </si>
  <si>
    <t>月分から徴収し、納入します。</t>
    <rPh sb="0" eb="2">
      <t>ガツブン</t>
    </rPh>
    <rPh sb="4" eb="6">
      <t>チョウシュウ</t>
    </rPh>
    <rPh sb="8" eb="10">
      <t>ノウニュウ</t>
    </rPh>
    <phoneticPr fontId="2"/>
  </si>
  <si>
    <t>担当者
連絡先</t>
    <rPh sb="0" eb="3">
      <t>タントウシャ</t>
    </rPh>
    <rPh sb="4" eb="7">
      <t>レンラクサキ</t>
    </rPh>
    <phoneticPr fontId="2"/>
  </si>
  <si>
    <t>担当者連絡先</t>
    <rPh sb="0" eb="3">
      <t>タントウシャ</t>
    </rPh>
    <rPh sb="3" eb="6">
      <t>レンラクサキ</t>
    </rPh>
    <phoneticPr fontId="2"/>
  </si>
  <si>
    <r>
      <rPr>
        <sz val="7.5"/>
        <color theme="1"/>
        <rFont val="ＭＳ 明朝"/>
        <family val="1"/>
        <charset val="128"/>
      </rPr>
      <t>※市区町村ごと</t>
    </r>
    <r>
      <rPr>
        <sz val="9"/>
        <color theme="1"/>
        <rFont val="ＭＳ 明朝"/>
        <family val="1"/>
        <charset val="128"/>
      </rPr>
      <t xml:space="preserve">
に異なります</t>
    </r>
    <rPh sb="1" eb="3">
      <t>シク</t>
    </rPh>
    <rPh sb="3" eb="5">
      <t>チョウソン</t>
    </rPh>
    <rPh sb="9" eb="10">
      <t>コト</t>
    </rPh>
    <phoneticPr fontId="2"/>
  </si>
  <si>
    <t>(内線</t>
    <phoneticPr fontId="2"/>
  </si>
  <si>
    <t>)</t>
    <phoneticPr fontId="2"/>
  </si>
  <si>
    <t>１．異動が　　</t>
    <rPh sb="2" eb="4">
      <t>イドウ</t>
    </rPh>
    <phoneticPr fontId="2"/>
  </si>
  <si>
    <t>２．異動が　　</t>
    <rPh sb="2" eb="4">
      <t>イドウ</t>
    </rPh>
    <phoneticPr fontId="2"/>
  </si>
  <si>
    <t>代表者の
職 氏 名</t>
    <rPh sb="0" eb="3">
      <t>ダイヒョウシャ</t>
    </rPh>
    <rPh sb="5" eb="6">
      <t>ショク</t>
    </rPh>
    <rPh sb="7" eb="8">
      <t>シ</t>
    </rPh>
    <rPh sb="9" eb="10">
      <t>ナ</t>
    </rPh>
    <phoneticPr fontId="2"/>
  </si>
  <si>
    <t>代表者の職氏名</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4">
    <font>
      <sz val="11"/>
      <name val="ＭＳ Ｐゴシック"/>
      <family val="3"/>
      <charset val="128"/>
    </font>
    <font>
      <sz val="11"/>
      <name val="ＭＳ Ｐゴシック"/>
      <family val="3"/>
      <charset val="128"/>
    </font>
    <font>
      <sz val="6"/>
      <name val="ＭＳ Ｐゴシック"/>
      <family val="3"/>
      <charset val="128"/>
    </font>
    <font>
      <sz val="10"/>
      <name val="ＭＳ Ｐ明朝"/>
      <family val="1"/>
      <charset val="128"/>
    </font>
    <font>
      <sz val="7"/>
      <name val="ＭＳ Ｐ明朝"/>
      <family val="1"/>
      <charset val="128"/>
    </font>
    <font>
      <sz val="7"/>
      <name val="ＭＳ 明朝"/>
      <family val="1"/>
      <charset val="128"/>
    </font>
    <font>
      <u/>
      <sz val="7"/>
      <name val="ＭＳ 明朝"/>
      <family val="1"/>
      <charset val="128"/>
    </font>
    <font>
      <sz val="14"/>
      <name val="ＭＳ Ｐ明朝"/>
      <family val="1"/>
      <charset val="128"/>
    </font>
    <font>
      <sz val="10"/>
      <color theme="1"/>
      <name val="ＭＳ 明朝"/>
      <family val="1"/>
      <charset val="128"/>
    </font>
    <font>
      <sz val="10"/>
      <color theme="1"/>
      <name val="ＭＳ Ｐ明朝"/>
      <family val="1"/>
      <charset val="128"/>
    </font>
    <font>
      <sz val="11"/>
      <color theme="1"/>
      <name val="ＭＳ Ｐ明朝"/>
      <family val="1"/>
      <charset val="128"/>
    </font>
    <font>
      <sz val="9"/>
      <color theme="1"/>
      <name val="ＭＳ Ｐ明朝"/>
      <family val="1"/>
      <charset val="128"/>
    </font>
    <font>
      <sz val="7"/>
      <color rgb="FFFF0000"/>
      <name val="ＭＳ 明朝"/>
      <family val="1"/>
      <charset val="128"/>
    </font>
    <font>
      <sz val="7"/>
      <color theme="1"/>
      <name val="ＭＳ Ｐ明朝"/>
      <family val="1"/>
      <charset val="128"/>
    </font>
    <font>
      <b/>
      <sz val="16"/>
      <color theme="1"/>
      <name val="ＭＳ ゴシック"/>
      <family val="3"/>
      <charset val="128"/>
    </font>
    <font>
      <b/>
      <sz val="14"/>
      <color theme="1"/>
      <name val="ＭＳ Ｐ明朝"/>
      <family val="1"/>
      <charset val="128"/>
    </font>
    <font>
      <sz val="12"/>
      <color theme="1"/>
      <name val="ＭＳ Ｐ明朝"/>
      <family val="1"/>
      <charset val="128"/>
    </font>
    <font>
      <sz val="7"/>
      <color theme="1"/>
      <name val="ＭＳ 明朝"/>
      <family val="1"/>
      <charset val="128"/>
    </font>
    <font>
      <sz val="14"/>
      <color theme="1"/>
      <name val="ＭＳ 明朝"/>
      <family val="1"/>
      <charset val="128"/>
    </font>
    <font>
      <sz val="9"/>
      <color theme="1"/>
      <name val="ＭＳ 明朝"/>
      <family val="1"/>
      <charset val="128"/>
    </font>
    <font>
      <sz val="8"/>
      <color theme="1"/>
      <name val="ＭＳ Ｐ明朝"/>
      <family val="1"/>
      <charset val="128"/>
    </font>
    <font>
      <sz val="9.8000000000000007"/>
      <color theme="1"/>
      <name val="ＭＳ 明朝"/>
      <family val="1"/>
      <charset val="128"/>
    </font>
    <font>
      <sz val="14"/>
      <color theme="1"/>
      <name val="ＭＳ Ｐ明朝"/>
      <family val="1"/>
      <charset val="128"/>
    </font>
    <font>
      <sz val="6"/>
      <color theme="1"/>
      <name val="ＭＳ 明朝"/>
      <family val="1"/>
      <charset val="128"/>
    </font>
    <font>
      <sz val="7.5"/>
      <color theme="1"/>
      <name val="ＭＳ Ｐ明朝"/>
      <family val="1"/>
      <charset val="128"/>
    </font>
    <font>
      <sz val="9.5"/>
      <color theme="1"/>
      <name val="ＭＳ 明朝"/>
      <family val="1"/>
      <charset val="128"/>
    </font>
    <font>
      <sz val="9.5"/>
      <color theme="1"/>
      <name val="ＭＳ Ｐゴシック"/>
      <family val="3"/>
      <charset val="128"/>
    </font>
    <font>
      <sz val="8"/>
      <color theme="1"/>
      <name val="ＭＳ 明朝"/>
      <family val="1"/>
      <charset val="128"/>
    </font>
    <font>
      <b/>
      <sz val="12"/>
      <color theme="1"/>
      <name val="ＭＳ Ｐ明朝"/>
      <family val="1"/>
      <charset val="128"/>
    </font>
    <font>
      <b/>
      <u/>
      <sz val="12"/>
      <color theme="1"/>
      <name val="ＭＳ Ｐ明朝"/>
      <family val="1"/>
      <charset val="128"/>
    </font>
    <font>
      <sz val="8.5"/>
      <color theme="1"/>
      <name val="ＭＳ Ｐ明朝"/>
      <family val="1"/>
      <charset val="128"/>
    </font>
    <font>
      <sz val="10.5"/>
      <color theme="1"/>
      <name val="ＭＳ 明朝"/>
      <family val="1"/>
      <charset val="128"/>
    </font>
    <font>
      <b/>
      <sz val="10"/>
      <color theme="1"/>
      <name val="ＭＳ Ｐ明朝"/>
      <family val="1"/>
      <charset val="128"/>
    </font>
    <font>
      <sz val="7.5"/>
      <color theme="1"/>
      <name val="ＭＳ 明朝"/>
      <family val="1"/>
      <charset val="128"/>
    </font>
  </fonts>
  <fills count="2">
    <fill>
      <patternFill patternType="none"/>
    </fill>
    <fill>
      <patternFill patternType="gray125"/>
    </fill>
  </fills>
  <borders count="95">
    <border>
      <left/>
      <right/>
      <top/>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medium">
        <color indexed="64"/>
      </left>
      <right/>
      <top/>
      <bottom/>
      <diagonal/>
    </border>
    <border>
      <left/>
      <right style="thin">
        <color indexed="64"/>
      </right>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diagonal/>
    </border>
    <border>
      <left/>
      <right/>
      <top style="thin">
        <color indexed="64"/>
      </top>
      <bottom/>
      <diagonal/>
    </border>
    <border>
      <left/>
      <right style="medium">
        <color indexed="64"/>
      </right>
      <top/>
      <bottom style="thin">
        <color indexed="64"/>
      </bottom>
      <diagonal/>
    </border>
    <border>
      <left style="thin">
        <color indexed="64"/>
      </left>
      <right style="thick">
        <color indexed="64"/>
      </right>
      <top/>
      <bottom/>
      <diagonal/>
    </border>
    <border>
      <left style="thin">
        <color indexed="64"/>
      </left>
      <right/>
      <top/>
      <bottom/>
      <diagonal/>
    </border>
    <border>
      <left/>
      <right style="thin">
        <color indexed="64"/>
      </right>
      <top style="thin">
        <color indexed="64"/>
      </top>
      <bottom/>
      <diagonal/>
    </border>
    <border>
      <left/>
      <right style="thick">
        <color indexed="64"/>
      </right>
      <top/>
      <bottom/>
      <diagonal/>
    </border>
    <border>
      <left/>
      <right style="medium">
        <color indexed="64"/>
      </right>
      <top style="medium">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thin">
        <color indexed="64"/>
      </top>
      <bottom/>
      <diagonal/>
    </border>
    <border>
      <left style="thin">
        <color indexed="64"/>
      </left>
      <right/>
      <top/>
      <bottom style="medium">
        <color indexed="64"/>
      </bottom>
      <diagonal/>
    </border>
    <border>
      <left style="thin">
        <color indexed="64"/>
      </left>
      <right/>
      <top style="thin">
        <color indexed="64"/>
      </top>
      <bottom style="thin">
        <color indexed="64"/>
      </bottom>
      <diagonal/>
    </border>
    <border>
      <left style="thin">
        <color indexed="64"/>
      </left>
      <right style="hair">
        <color indexed="64"/>
      </right>
      <top style="thin">
        <color indexed="64"/>
      </top>
      <bottom/>
      <diagonal/>
    </border>
    <border>
      <left/>
      <right style="thin">
        <color indexed="64"/>
      </right>
      <top/>
      <bottom style="medium">
        <color indexed="64"/>
      </bottom>
      <diagonal/>
    </border>
    <border>
      <left style="thin">
        <color indexed="64"/>
      </left>
      <right style="thin">
        <color indexed="64"/>
      </right>
      <top style="thin">
        <color indexed="64"/>
      </top>
      <bottom/>
      <diagonal/>
    </border>
    <border>
      <left style="thin">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thin">
        <color indexed="64"/>
      </right>
      <top/>
      <bottom style="hair">
        <color indexed="64"/>
      </bottom>
      <diagonal/>
    </border>
    <border>
      <left/>
      <right style="thin">
        <color indexed="64"/>
      </right>
      <top style="hair">
        <color indexed="64"/>
      </top>
      <bottom/>
      <diagonal/>
    </border>
    <border>
      <left style="thin">
        <color indexed="64"/>
      </left>
      <right style="thin">
        <color indexed="64"/>
      </right>
      <top/>
      <bottom style="thin">
        <color indexed="64"/>
      </bottom>
      <diagonal/>
    </border>
    <border>
      <left style="hair">
        <color indexed="64"/>
      </left>
      <right/>
      <top style="thin">
        <color indexed="64"/>
      </top>
      <bottom/>
      <diagonal/>
    </border>
    <border>
      <left style="hair">
        <color indexed="64"/>
      </left>
      <right/>
      <top/>
      <bottom style="thin">
        <color indexed="64"/>
      </bottom>
      <diagonal/>
    </border>
    <border>
      <left/>
      <right/>
      <top style="hair">
        <color indexed="64"/>
      </top>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
      <left/>
      <right style="hair">
        <color indexed="64"/>
      </right>
      <top style="thin">
        <color indexed="64"/>
      </top>
      <bottom/>
      <diagonal/>
    </border>
    <border>
      <left/>
      <right style="hair">
        <color indexed="64"/>
      </right>
      <top/>
      <bottom style="thin">
        <color indexed="64"/>
      </bottom>
      <diagonal/>
    </border>
    <border>
      <left style="thin">
        <color indexed="64"/>
      </left>
      <right/>
      <top style="hair">
        <color indexed="64"/>
      </top>
      <bottom/>
      <diagonal/>
    </border>
    <border>
      <left style="thin">
        <color indexed="64"/>
      </left>
      <right style="hair">
        <color indexed="64"/>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thin">
        <color indexed="64"/>
      </bottom>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theme="1"/>
      </left>
      <right/>
      <top/>
      <bottom/>
      <diagonal/>
    </border>
    <border>
      <left/>
      <right style="thin">
        <color theme="1"/>
      </right>
      <top/>
      <bottom style="thin">
        <color indexed="64"/>
      </bottom>
      <diagonal/>
    </border>
    <border>
      <left style="thin">
        <color theme="1"/>
      </left>
      <right/>
      <top style="thin">
        <color indexed="64"/>
      </top>
      <bottom/>
      <diagonal/>
    </border>
    <border>
      <left/>
      <right style="thin">
        <color theme="1"/>
      </right>
      <top style="thin">
        <color indexed="64"/>
      </top>
      <bottom/>
      <diagonal/>
    </border>
    <border>
      <left style="thin">
        <color theme="1"/>
      </left>
      <right/>
      <top/>
      <bottom style="thin">
        <color theme="1"/>
      </bottom>
      <diagonal/>
    </border>
    <border>
      <left/>
      <right/>
      <top/>
      <bottom style="thin">
        <color theme="1"/>
      </bottom>
      <diagonal/>
    </border>
    <border>
      <left/>
      <right style="thin">
        <color indexed="64"/>
      </right>
      <top/>
      <bottom style="thin">
        <color theme="1"/>
      </bottom>
      <diagonal/>
    </border>
    <border>
      <left style="thin">
        <color indexed="64"/>
      </left>
      <right/>
      <top/>
      <bottom style="thin">
        <color theme="1"/>
      </bottom>
      <diagonal/>
    </border>
    <border>
      <left/>
      <right style="thin">
        <color theme="1"/>
      </right>
      <top/>
      <bottom style="thin">
        <color theme="1"/>
      </bottom>
      <diagonal/>
    </border>
    <border>
      <left style="thin">
        <color theme="1"/>
      </left>
      <right/>
      <top style="medium">
        <color theme="1"/>
      </top>
      <bottom/>
      <diagonal/>
    </border>
    <border>
      <left/>
      <right/>
      <top style="medium">
        <color theme="1"/>
      </top>
      <bottom/>
      <diagonal/>
    </border>
    <border>
      <left/>
      <right style="thin">
        <color indexed="64"/>
      </right>
      <top style="medium">
        <color theme="1"/>
      </top>
      <bottom/>
      <diagonal/>
    </border>
    <border>
      <left style="thin">
        <color indexed="64"/>
      </left>
      <right/>
      <top style="medium">
        <color theme="1"/>
      </top>
      <bottom/>
      <diagonal/>
    </border>
    <border>
      <left/>
      <right style="thin">
        <color theme="1"/>
      </right>
      <top style="medium">
        <color theme="1"/>
      </top>
      <bottom/>
      <diagonal/>
    </border>
    <border>
      <left/>
      <right/>
      <top/>
      <bottom style="medium">
        <color theme="1"/>
      </bottom>
      <diagonal/>
    </border>
    <border>
      <left/>
      <right style="medium">
        <color theme="1"/>
      </right>
      <top style="medium">
        <color theme="1"/>
      </top>
      <bottom/>
      <diagonal/>
    </border>
    <border>
      <left/>
      <right style="medium">
        <color theme="1"/>
      </right>
      <top/>
      <bottom/>
      <diagonal/>
    </border>
    <border>
      <left/>
      <right style="medium">
        <color theme="1"/>
      </right>
      <top/>
      <bottom style="thin">
        <color indexed="64"/>
      </bottom>
      <diagonal/>
    </border>
    <border>
      <left/>
      <right style="medium">
        <color theme="1"/>
      </right>
      <top style="thin">
        <color indexed="64"/>
      </top>
      <bottom/>
      <diagonal/>
    </border>
    <border>
      <left/>
      <right style="medium">
        <color theme="1"/>
      </right>
      <top/>
      <bottom style="medium">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hair">
        <color indexed="64"/>
      </right>
      <top style="hair">
        <color indexed="64"/>
      </top>
      <bottom style="medium">
        <color theme="1"/>
      </bottom>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diagonal/>
    </border>
    <border>
      <left/>
      <right style="hair">
        <color indexed="64"/>
      </right>
      <top/>
      <bottom/>
      <diagonal/>
    </border>
    <border>
      <left style="hair">
        <color indexed="64"/>
      </left>
      <right/>
      <top/>
      <bottom style="medium">
        <color theme="1"/>
      </bottom>
      <diagonal/>
    </border>
    <border>
      <left/>
      <right style="hair">
        <color indexed="64"/>
      </right>
      <top/>
      <bottom style="medium">
        <color theme="1"/>
      </bottom>
      <diagonal/>
    </border>
    <border>
      <left style="hair">
        <color indexed="64"/>
      </left>
      <right style="hair">
        <color indexed="64"/>
      </right>
      <top/>
      <bottom style="medium">
        <color indexed="64"/>
      </bottom>
      <diagonal/>
    </border>
    <border>
      <left style="medium">
        <color indexed="64"/>
      </left>
      <right/>
      <top style="hair">
        <color indexed="64"/>
      </top>
      <bottom/>
      <diagonal/>
    </border>
    <border>
      <left style="hair">
        <color indexed="64"/>
      </left>
      <right/>
      <top/>
      <bottom style="hair">
        <color indexed="64"/>
      </bottom>
      <diagonal/>
    </border>
    <border>
      <left/>
      <right style="hair">
        <color indexed="64"/>
      </right>
      <top/>
      <bottom style="hair">
        <color indexed="64"/>
      </bottom>
      <diagonal/>
    </border>
    <border>
      <left style="medium">
        <color indexed="64"/>
      </left>
      <right/>
      <top/>
      <bottom style="hair">
        <color indexed="64"/>
      </bottom>
      <diagonal/>
    </border>
    <border>
      <left style="hair">
        <color indexed="64"/>
      </left>
      <right style="hair">
        <color indexed="64"/>
      </right>
      <top/>
      <bottom/>
      <diagonal/>
    </border>
    <border>
      <left style="thin">
        <color indexed="64"/>
      </left>
      <right style="thin">
        <color indexed="64"/>
      </right>
      <top/>
      <bottom style="medium">
        <color indexed="64"/>
      </bottom>
      <diagonal/>
    </border>
    <border>
      <left style="thin">
        <color indexed="64"/>
      </left>
      <right/>
      <top style="thin">
        <color theme="1"/>
      </top>
      <bottom/>
      <diagonal/>
    </border>
    <border>
      <left/>
      <right/>
      <top style="thin">
        <color theme="1"/>
      </top>
      <bottom/>
      <diagonal/>
    </border>
    <border>
      <left/>
      <right style="thin">
        <color indexed="64"/>
      </right>
      <top style="thin">
        <color theme="1"/>
      </top>
      <bottom/>
      <diagonal/>
    </border>
  </borders>
  <cellStyleXfs count="2">
    <xf numFmtId="0" fontId="0" fillId="0" borderId="0"/>
    <xf numFmtId="38" fontId="1" fillId="0" borderId="0" applyFont="0" applyFill="0" applyBorder="0" applyAlignment="0" applyProtection="0">
      <alignment vertical="center"/>
    </xf>
  </cellStyleXfs>
  <cellXfs count="528">
    <xf numFmtId="0" fontId="0" fillId="0" borderId="0" xfId="0"/>
    <xf numFmtId="0" fontId="4" fillId="0" borderId="0" xfId="0" applyFont="1" applyFill="1" applyBorder="1"/>
    <xf numFmtId="0" fontId="4" fillId="0" borderId="0" xfId="0" applyFont="1" applyFill="1"/>
    <xf numFmtId="0" fontId="3" fillId="0" borderId="0" xfId="0" applyFont="1" applyFill="1" applyBorder="1"/>
    <xf numFmtId="0" fontId="4" fillId="0" borderId="0" xfId="0" applyFont="1" applyFill="1" applyBorder="1" applyAlignment="1">
      <alignment textRotation="255"/>
    </xf>
    <xf numFmtId="0" fontId="4" fillId="0" borderId="0" xfId="0" applyFont="1" applyFill="1" applyAlignment="1">
      <alignment textRotation="255"/>
    </xf>
    <xf numFmtId="0" fontId="5" fillId="0" borderId="0" xfId="0" applyFont="1" applyFill="1" applyBorder="1" applyAlignment="1">
      <alignment horizontal="center" vertical="top" textRotation="255" indent="1"/>
    </xf>
    <xf numFmtId="0" fontId="6" fillId="0" borderId="0" xfId="0" applyFont="1" applyFill="1" applyBorder="1" applyAlignment="1">
      <alignment horizontal="center" vertical="top" textRotation="255" indent="1"/>
    </xf>
    <xf numFmtId="0" fontId="8" fillId="0" borderId="12" xfId="0" applyFont="1" applyFill="1" applyBorder="1" applyAlignment="1"/>
    <xf numFmtId="0" fontId="9" fillId="0" borderId="12" xfId="0" applyFont="1" applyFill="1" applyBorder="1" applyAlignment="1">
      <alignment vertical="center"/>
    </xf>
    <xf numFmtId="0" fontId="8" fillId="0" borderId="15" xfId="0" applyFont="1" applyFill="1" applyBorder="1" applyAlignment="1"/>
    <xf numFmtId="0" fontId="8" fillId="0" borderId="0" xfId="0" applyFont="1" applyFill="1" applyBorder="1" applyAlignment="1"/>
    <xf numFmtId="0" fontId="9" fillId="0" borderId="0" xfId="0" applyFont="1" applyFill="1" applyBorder="1"/>
    <xf numFmtId="0" fontId="10" fillId="0" borderId="0" xfId="0" applyFont="1" applyFill="1" applyBorder="1" applyAlignment="1">
      <alignment vertical="center" textRotation="255"/>
    </xf>
    <xf numFmtId="0" fontId="5" fillId="0" borderId="0" xfId="0" applyFont="1" applyFill="1" applyBorder="1" applyAlignment="1">
      <alignment horizontal="center" vertical="top" textRotation="255" indent="1"/>
    </xf>
    <xf numFmtId="0" fontId="13" fillId="0" borderId="0" xfId="0" applyFont="1" applyFill="1"/>
    <xf numFmtId="0" fontId="15" fillId="0" borderId="0" xfId="0" applyFont="1" applyFill="1" applyBorder="1" applyAlignment="1"/>
    <xf numFmtId="0" fontId="15" fillId="0" borderId="0" xfId="0" applyFont="1" applyFill="1" applyBorder="1" applyAlignment="1">
      <alignment horizontal="right"/>
    </xf>
    <xf numFmtId="0" fontId="13" fillId="0" borderId="0" xfId="0" applyFont="1" applyFill="1" applyAlignment="1">
      <alignment textRotation="255"/>
    </xf>
    <xf numFmtId="0" fontId="15" fillId="0" borderId="0" xfId="0" applyFont="1" applyFill="1" applyBorder="1" applyAlignment="1">
      <alignment vertical="top"/>
    </xf>
    <xf numFmtId="0" fontId="15" fillId="0" borderId="0" xfId="0" applyFont="1" applyFill="1" applyBorder="1" applyAlignment="1">
      <alignment horizontal="right" vertical="top"/>
    </xf>
    <xf numFmtId="0" fontId="16" fillId="0" borderId="0" xfId="0" applyFont="1" applyFill="1" applyBorder="1" applyAlignment="1">
      <alignment horizontal="center" vertical="center"/>
    </xf>
    <xf numFmtId="0" fontId="17" fillId="0" borderId="0" xfId="0" applyFont="1" applyFill="1" applyBorder="1" applyAlignment="1">
      <alignment horizontal="center" vertical="top" textRotation="255" indent="1"/>
    </xf>
    <xf numFmtId="0" fontId="16" fillId="0" borderId="0" xfId="0" applyFont="1" applyFill="1" applyBorder="1"/>
    <xf numFmtId="0" fontId="10" fillId="0" borderId="0" xfId="0" applyFont="1" applyFill="1" applyBorder="1" applyAlignment="1">
      <alignment vertical="center"/>
    </xf>
    <xf numFmtId="0" fontId="9" fillId="0" borderId="1" xfId="0" applyFont="1" applyFill="1" applyBorder="1"/>
    <xf numFmtId="0" fontId="9" fillId="0" borderId="3" xfId="0" applyFont="1" applyFill="1" applyBorder="1" applyAlignment="1"/>
    <xf numFmtId="0" fontId="9" fillId="0" borderId="4" xfId="0" applyFont="1" applyFill="1" applyBorder="1" applyAlignment="1"/>
    <xf numFmtId="0" fontId="9" fillId="0" borderId="21" xfId="0" applyFont="1" applyFill="1" applyBorder="1" applyAlignment="1">
      <alignment horizontal="right" vertical="center"/>
    </xf>
    <xf numFmtId="0" fontId="11" fillId="0" borderId="3" xfId="0" applyFont="1" applyFill="1" applyBorder="1" applyAlignment="1">
      <alignment horizontal="center" vertical="center" wrapText="1"/>
    </xf>
    <xf numFmtId="0" fontId="9" fillId="0" borderId="3" xfId="0" applyFont="1" applyFill="1" applyBorder="1"/>
    <xf numFmtId="0" fontId="9" fillId="0" borderId="66" xfId="0" applyFont="1" applyFill="1" applyBorder="1" applyAlignment="1">
      <alignment vertical="center"/>
    </xf>
    <xf numFmtId="0" fontId="9" fillId="0" borderId="64" xfId="0" applyFont="1" applyFill="1" applyBorder="1" applyAlignment="1">
      <alignment vertical="center"/>
    </xf>
    <xf numFmtId="0" fontId="9" fillId="0" borderId="67" xfId="0" applyFont="1" applyFill="1" applyBorder="1" applyAlignment="1">
      <alignment vertical="center"/>
    </xf>
    <xf numFmtId="0" fontId="9" fillId="0" borderId="0" xfId="0" applyFont="1" applyFill="1" applyBorder="1" applyAlignment="1"/>
    <xf numFmtId="0" fontId="9" fillId="0" borderId="0" xfId="0" applyFont="1" applyFill="1" applyBorder="1" applyAlignment="1">
      <alignment vertical="center"/>
    </xf>
    <xf numFmtId="0" fontId="9" fillId="0" borderId="6" xfId="0" applyFont="1" applyFill="1" applyBorder="1" applyAlignment="1">
      <alignment vertical="center"/>
    </xf>
    <xf numFmtId="0" fontId="9" fillId="0" borderId="0" xfId="0" applyFont="1" applyFill="1" applyBorder="1" applyAlignment="1">
      <alignment horizontal="left" vertical="top" wrapText="1"/>
    </xf>
    <xf numFmtId="0" fontId="9" fillId="0" borderId="10" xfId="0" applyFont="1" applyFill="1" applyBorder="1" applyAlignment="1">
      <alignment vertical="center"/>
    </xf>
    <xf numFmtId="0" fontId="9" fillId="0" borderId="8" xfId="0" applyFont="1" applyFill="1" applyBorder="1" applyAlignment="1">
      <alignment vertical="center"/>
    </xf>
    <xf numFmtId="0" fontId="9" fillId="0" borderId="55" xfId="0" applyFont="1" applyFill="1" applyBorder="1" applyAlignment="1">
      <alignment vertical="center"/>
    </xf>
    <xf numFmtId="0" fontId="9" fillId="0" borderId="8" xfId="0" applyFont="1" applyFill="1" applyBorder="1" applyAlignment="1">
      <alignment horizontal="left" vertical="top" wrapText="1"/>
    </xf>
    <xf numFmtId="0" fontId="9" fillId="0" borderId="26" xfId="0" applyFont="1" applyFill="1" applyBorder="1" applyAlignment="1">
      <alignment vertical="center"/>
    </xf>
    <xf numFmtId="0" fontId="9" fillId="0" borderId="57" xfId="0" applyFont="1" applyFill="1" applyBorder="1" applyAlignment="1">
      <alignment vertical="center"/>
    </xf>
    <xf numFmtId="0" fontId="9" fillId="0" borderId="61" xfId="0" applyFont="1" applyFill="1" applyBorder="1" applyAlignment="1">
      <alignment vertical="center"/>
    </xf>
    <xf numFmtId="0" fontId="9" fillId="0" borderId="59" xfId="0" applyFont="1" applyFill="1" applyBorder="1" applyAlignment="1">
      <alignment vertical="center"/>
    </xf>
    <xf numFmtId="0" fontId="9" fillId="0" borderId="62" xfId="0" applyFont="1" applyFill="1" applyBorder="1" applyAlignment="1">
      <alignment vertical="center"/>
    </xf>
    <xf numFmtId="0" fontId="9" fillId="0" borderId="0" xfId="0" applyFont="1" applyFill="1" applyBorder="1" applyAlignment="1">
      <alignment horizontal="right" vertical="center"/>
    </xf>
    <xf numFmtId="0" fontId="9" fillId="0" borderId="6" xfId="0" applyFont="1" applyFill="1" applyBorder="1" applyAlignment="1">
      <alignment vertical="center" wrapText="1"/>
    </xf>
    <xf numFmtId="0" fontId="9" fillId="0" borderId="9" xfId="0" applyFont="1" applyFill="1" applyBorder="1" applyAlignment="1">
      <alignment vertical="center" wrapText="1"/>
    </xf>
    <xf numFmtId="0" fontId="11" fillId="0" borderId="0" xfId="0" applyFont="1" applyFill="1" applyBorder="1" applyAlignment="1">
      <alignment vertical="center"/>
    </xf>
    <xf numFmtId="0" fontId="11" fillId="0" borderId="6" xfId="0" applyFont="1" applyFill="1" applyBorder="1" applyAlignment="1">
      <alignment vertical="center"/>
    </xf>
    <xf numFmtId="0" fontId="11" fillId="0" borderId="8" xfId="0" applyFont="1" applyFill="1" applyBorder="1" applyAlignment="1">
      <alignment vertical="center"/>
    </xf>
    <xf numFmtId="0" fontId="11" fillId="0" borderId="9" xfId="0" applyFont="1" applyFill="1" applyBorder="1" applyAlignment="1">
      <alignment vertical="center"/>
    </xf>
    <xf numFmtId="0" fontId="9" fillId="0" borderId="10" xfId="0" applyFont="1" applyFill="1" applyBorder="1" applyAlignment="1">
      <alignment horizontal="center" vertical="center"/>
    </xf>
    <xf numFmtId="0" fontId="9" fillId="0" borderId="8" xfId="0" applyFont="1" applyFill="1" applyBorder="1" applyAlignment="1">
      <alignment horizontal="right" vertical="center"/>
    </xf>
    <xf numFmtId="0" fontId="9" fillId="0" borderId="8" xfId="0" applyFont="1" applyFill="1" applyBorder="1" applyAlignment="1">
      <alignment horizontal="center" vertical="center"/>
    </xf>
    <xf numFmtId="0" fontId="9" fillId="0" borderId="71" xfId="0" applyFont="1" applyFill="1" applyBorder="1" applyAlignment="1">
      <alignment horizontal="left" vertical="center"/>
    </xf>
    <xf numFmtId="0" fontId="9" fillId="0" borderId="16" xfId="0" applyFont="1" applyFill="1" applyBorder="1" applyAlignment="1">
      <alignment vertical="center"/>
    </xf>
    <xf numFmtId="0" fontId="8" fillId="0" borderId="14" xfId="0" applyFont="1" applyFill="1" applyBorder="1" applyAlignment="1"/>
    <xf numFmtId="0" fontId="9" fillId="0" borderId="6" xfId="0" applyFont="1" applyFill="1" applyBorder="1"/>
    <xf numFmtId="0" fontId="9" fillId="0" borderId="6" xfId="0" applyFont="1" applyFill="1" applyBorder="1" applyAlignment="1"/>
    <xf numFmtId="0" fontId="8" fillId="0" borderId="0" xfId="0" applyFont="1" applyFill="1" applyBorder="1" applyAlignment="1">
      <alignment horizontal="left"/>
    </xf>
    <xf numFmtId="0" fontId="8" fillId="0" borderId="0" xfId="0" applyFont="1" applyFill="1" applyBorder="1" applyAlignment="1">
      <alignment horizontal="left" vertical="center"/>
    </xf>
    <xf numFmtId="0" fontId="19" fillId="0" borderId="0" xfId="0" applyFont="1" applyFill="1" applyBorder="1" applyAlignment="1">
      <alignment horizontal="left"/>
    </xf>
    <xf numFmtId="0" fontId="10" fillId="0" borderId="0" xfId="0" applyFont="1" applyFill="1" applyBorder="1" applyAlignment="1"/>
    <xf numFmtId="0" fontId="9" fillId="0" borderId="15" xfId="0" applyFont="1" applyFill="1" applyBorder="1" applyAlignment="1">
      <alignment vertical="top"/>
    </xf>
    <xf numFmtId="0" fontId="9" fillId="0" borderId="0" xfId="0" applyFont="1" applyFill="1" applyBorder="1" applyAlignment="1">
      <alignment horizontal="center"/>
    </xf>
    <xf numFmtId="0" fontId="16" fillId="0" borderId="0" xfId="0" applyFont="1" applyFill="1" applyBorder="1" applyAlignment="1"/>
    <xf numFmtId="0" fontId="20" fillId="0" borderId="0" xfId="0" applyFont="1" applyFill="1" applyBorder="1" applyAlignment="1">
      <alignment horizontal="right"/>
    </xf>
    <xf numFmtId="0" fontId="9" fillId="0" borderId="2" xfId="0" applyFont="1" applyFill="1" applyBorder="1" applyAlignment="1">
      <alignment vertical="center"/>
    </xf>
    <xf numFmtId="0" fontId="9" fillId="0" borderId="3" xfId="0" applyFont="1" applyFill="1" applyBorder="1" applyAlignment="1">
      <alignment vertical="center"/>
    </xf>
    <xf numFmtId="0" fontId="9" fillId="0" borderId="18" xfId="0" applyFont="1" applyFill="1" applyBorder="1" applyAlignment="1">
      <alignment vertical="center"/>
    </xf>
    <xf numFmtId="0" fontId="9" fillId="0" borderId="0" xfId="0" applyFont="1" applyFill="1" applyBorder="1" applyAlignment="1">
      <alignment horizontal="left"/>
    </xf>
    <xf numFmtId="0" fontId="9" fillId="0" borderId="5" xfId="0" applyFont="1" applyFill="1" applyBorder="1" applyAlignment="1">
      <alignment vertical="center"/>
    </xf>
    <xf numFmtId="0" fontId="9" fillId="0" borderId="11" xfId="0" applyFont="1" applyFill="1" applyBorder="1" applyAlignment="1">
      <alignment vertical="center"/>
    </xf>
    <xf numFmtId="0" fontId="8" fillId="0" borderId="17" xfId="0" applyFont="1" applyFill="1" applyBorder="1" applyAlignment="1"/>
    <xf numFmtId="0" fontId="9" fillId="0" borderId="15" xfId="0" applyFont="1" applyFill="1" applyBorder="1"/>
    <xf numFmtId="0" fontId="9" fillId="0" borderId="15" xfId="0" applyFont="1" applyFill="1" applyBorder="1" applyAlignment="1">
      <alignment horizontal="left" vertical="top"/>
    </xf>
    <xf numFmtId="0" fontId="9" fillId="0" borderId="0" xfId="0" applyFont="1" applyFill="1" applyBorder="1" applyAlignment="1">
      <alignment horizontal="left" vertical="top"/>
    </xf>
    <xf numFmtId="0" fontId="9" fillId="0" borderId="0" xfId="0" applyFont="1" applyFill="1" applyBorder="1" applyAlignment="1">
      <alignment horizontal="center" vertical="top"/>
    </xf>
    <xf numFmtId="0" fontId="20" fillId="0" borderId="0" xfId="0" applyFont="1" applyFill="1" applyBorder="1" applyAlignment="1">
      <alignment vertical="top" wrapText="1"/>
    </xf>
    <xf numFmtId="0" fontId="27" fillId="0" borderId="0" xfId="0" applyFont="1" applyFill="1" applyBorder="1" applyAlignment="1">
      <alignment horizontal="left" vertical="center" wrapText="1"/>
    </xf>
    <xf numFmtId="0" fontId="16" fillId="0" borderId="11" xfId="0" applyFont="1" applyFill="1" applyBorder="1" applyAlignment="1"/>
    <xf numFmtId="0" fontId="10" fillId="0" borderId="15" xfId="0" applyFont="1" applyFill="1" applyBorder="1" applyAlignment="1">
      <alignment vertical="center"/>
    </xf>
    <xf numFmtId="0" fontId="9" fillId="0" borderId="5" xfId="0" applyFont="1" applyFill="1" applyBorder="1" applyAlignment="1"/>
    <xf numFmtId="0" fontId="9" fillId="0" borderId="0" xfId="0" applyFont="1" applyFill="1" applyBorder="1" applyAlignment="1">
      <alignment vertical="top"/>
    </xf>
    <xf numFmtId="0" fontId="10" fillId="0" borderId="10" xfId="0" applyFont="1" applyFill="1" applyBorder="1" applyAlignment="1">
      <alignment vertical="center"/>
    </xf>
    <xf numFmtId="0" fontId="9" fillId="0" borderId="8" xfId="0" applyFont="1" applyFill="1" applyBorder="1" applyAlignment="1">
      <alignment horizontal="left" vertical="top"/>
    </xf>
    <xf numFmtId="0" fontId="9" fillId="0" borderId="0" xfId="0" applyFont="1" applyFill="1" applyBorder="1" applyAlignment="1">
      <alignment horizontal="center" vertical="center"/>
    </xf>
    <xf numFmtId="0" fontId="9" fillId="0" borderId="11" xfId="0" applyFont="1" applyFill="1" applyBorder="1" applyAlignment="1">
      <alignment vertical="distributed" textRotation="255"/>
    </xf>
    <xf numFmtId="0" fontId="9" fillId="0" borderId="5" xfId="0" applyFont="1" applyFill="1" applyBorder="1"/>
    <xf numFmtId="0" fontId="9" fillId="0" borderId="70" xfId="0" applyFont="1" applyFill="1" applyBorder="1"/>
    <xf numFmtId="0" fontId="9" fillId="0" borderId="5" xfId="0" applyFont="1" applyFill="1" applyBorder="1" applyAlignment="1">
      <alignment vertical="top"/>
    </xf>
    <xf numFmtId="0" fontId="9" fillId="0" borderId="0" xfId="0" applyFont="1" applyFill="1" applyBorder="1" applyAlignment="1">
      <alignment vertical="center" wrapText="1"/>
    </xf>
    <xf numFmtId="0" fontId="9" fillId="0" borderId="70" xfId="0" applyFont="1" applyFill="1" applyBorder="1" applyAlignment="1">
      <alignment vertical="center" wrapText="1"/>
    </xf>
    <xf numFmtId="0" fontId="8" fillId="0" borderId="5" xfId="0" applyFont="1" applyFill="1" applyBorder="1"/>
    <xf numFmtId="0" fontId="8" fillId="0" borderId="0" xfId="0" applyFont="1" applyFill="1" applyBorder="1"/>
    <xf numFmtId="0" fontId="9" fillId="0" borderId="6" xfId="0" applyFont="1" applyFill="1" applyBorder="1" applyAlignment="1">
      <alignment horizontal="center"/>
    </xf>
    <xf numFmtId="0" fontId="8" fillId="0" borderId="0" xfId="0" applyFont="1" applyFill="1" applyBorder="1" applyAlignment="1">
      <alignment horizontal="center" vertical="center"/>
    </xf>
    <xf numFmtId="0" fontId="9" fillId="0" borderId="6" xfId="0" applyFont="1" applyFill="1" applyBorder="1" applyAlignment="1">
      <alignment horizontal="center" vertical="center"/>
    </xf>
    <xf numFmtId="0" fontId="8" fillId="0" borderId="5" xfId="0" applyFont="1" applyFill="1" applyBorder="1" applyAlignment="1">
      <alignment horizontal="right" vertical="center"/>
    </xf>
    <xf numFmtId="0" fontId="8" fillId="0" borderId="0" xfId="0" applyFont="1" applyFill="1" applyBorder="1" applyAlignment="1">
      <alignment vertical="center"/>
    </xf>
    <xf numFmtId="38" fontId="9" fillId="0" borderId="0" xfId="1" applyFont="1" applyFill="1" applyBorder="1" applyAlignment="1">
      <alignment horizontal="right" vertical="center" indent="1"/>
    </xf>
    <xf numFmtId="0" fontId="21" fillId="0" borderId="5" xfId="0" applyFont="1" applyFill="1" applyBorder="1"/>
    <xf numFmtId="0" fontId="9" fillId="0" borderId="8" xfId="0" applyFont="1" applyFill="1" applyBorder="1"/>
    <xf numFmtId="0" fontId="9" fillId="0" borderId="9" xfId="0" applyFont="1" applyFill="1" applyBorder="1"/>
    <xf numFmtId="0" fontId="10" fillId="0" borderId="0" xfId="0" applyFont="1" applyFill="1" applyBorder="1"/>
    <xf numFmtId="0" fontId="28" fillId="0" borderId="0" xfId="0" applyFont="1" applyFill="1" applyBorder="1" applyAlignment="1">
      <alignment vertical="center"/>
    </xf>
    <xf numFmtId="0" fontId="29" fillId="0" borderId="0" xfId="0" applyFont="1" applyFill="1" applyBorder="1" applyAlignment="1">
      <alignment vertical="center"/>
    </xf>
    <xf numFmtId="0" fontId="28" fillId="0" borderId="5" xfId="0" applyFont="1" applyFill="1" applyBorder="1" applyAlignment="1">
      <alignment vertical="center"/>
    </xf>
    <xf numFmtId="0" fontId="28" fillId="0" borderId="0" xfId="0" applyFont="1" applyFill="1" applyBorder="1" applyAlignment="1"/>
    <xf numFmtId="0" fontId="28" fillId="0" borderId="11" xfId="0" applyFont="1" applyFill="1" applyBorder="1" applyAlignment="1"/>
    <xf numFmtId="0" fontId="16" fillId="0" borderId="2" xfId="0" applyFont="1" applyFill="1" applyBorder="1" applyAlignment="1"/>
    <xf numFmtId="0" fontId="29" fillId="0" borderId="11" xfId="0" applyFont="1" applyFill="1" applyBorder="1" applyAlignment="1">
      <alignment vertical="center"/>
    </xf>
    <xf numFmtId="0" fontId="10" fillId="0" borderId="1" xfId="0" applyFont="1" applyFill="1" applyBorder="1" applyAlignment="1"/>
    <xf numFmtId="0" fontId="10" fillId="0" borderId="23" xfId="0" applyFont="1" applyFill="1" applyBorder="1" applyAlignment="1">
      <alignment horizontal="right"/>
    </xf>
    <xf numFmtId="0" fontId="9" fillId="0" borderId="27" xfId="0" applyFont="1" applyFill="1" applyBorder="1" applyAlignment="1"/>
    <xf numFmtId="0" fontId="25" fillId="0" borderId="24" xfId="0" applyFont="1" applyFill="1" applyBorder="1" applyAlignment="1">
      <alignment horizontal="center" vertical="center" wrapText="1"/>
    </xf>
    <xf numFmtId="0" fontId="25" fillId="0" borderId="12" xfId="0" applyFont="1" applyFill="1" applyBorder="1" applyAlignment="1">
      <alignment horizontal="center" vertical="center" wrapText="1"/>
    </xf>
    <xf numFmtId="0" fontId="25" fillId="0" borderId="16" xfId="0" applyFont="1" applyFill="1" applyBorder="1" applyAlignment="1">
      <alignment horizontal="center" vertical="center" wrapText="1"/>
    </xf>
    <xf numFmtId="0" fontId="25" fillId="0" borderId="5" xfId="0" applyFont="1" applyFill="1" applyBorder="1" applyAlignment="1">
      <alignment horizontal="center" vertical="center" wrapText="1"/>
    </xf>
    <xf numFmtId="0" fontId="25" fillId="0" borderId="0" xfId="0" applyFont="1" applyFill="1" applyBorder="1" applyAlignment="1">
      <alignment horizontal="center" vertical="center" wrapText="1"/>
    </xf>
    <xf numFmtId="0" fontId="25" fillId="0" borderId="6" xfId="0" applyFont="1" applyFill="1" applyBorder="1" applyAlignment="1">
      <alignment horizontal="center" vertical="center" wrapText="1"/>
    </xf>
    <xf numFmtId="0" fontId="25" fillId="0" borderId="7" xfId="0" applyFont="1" applyFill="1" applyBorder="1" applyAlignment="1">
      <alignment horizontal="center" vertical="center" wrapText="1"/>
    </xf>
    <xf numFmtId="0" fontId="25" fillId="0" borderId="8" xfId="0" applyFont="1" applyFill="1" applyBorder="1" applyAlignment="1">
      <alignment horizontal="center" vertical="center" wrapText="1"/>
    </xf>
    <xf numFmtId="0" fontId="25" fillId="0" borderId="9" xfId="0" applyFont="1" applyFill="1" applyBorder="1" applyAlignment="1">
      <alignment horizontal="center" vertical="center" wrapText="1"/>
    </xf>
    <xf numFmtId="0" fontId="16" fillId="0" borderId="26" xfId="0" applyFont="1" applyFill="1" applyBorder="1" applyAlignment="1">
      <alignment horizontal="left" vertical="top"/>
    </xf>
    <xf numFmtId="0" fontId="16" fillId="0" borderId="12" xfId="0" applyFont="1" applyFill="1" applyBorder="1" applyAlignment="1">
      <alignment horizontal="left" vertical="top"/>
    </xf>
    <xf numFmtId="0" fontId="16" fillId="0" borderId="16" xfId="0" applyFont="1" applyFill="1" applyBorder="1" applyAlignment="1">
      <alignment horizontal="left" vertical="top"/>
    </xf>
    <xf numFmtId="0" fontId="16" fillId="0" borderId="15" xfId="0" applyFont="1" applyFill="1" applyBorder="1" applyAlignment="1">
      <alignment horizontal="left" vertical="top"/>
    </xf>
    <xf numFmtId="0" fontId="16" fillId="0" borderId="0" xfId="0" applyFont="1" applyFill="1" applyBorder="1" applyAlignment="1">
      <alignment horizontal="left" vertical="top"/>
    </xf>
    <xf numFmtId="0" fontId="16" fillId="0" borderId="6" xfId="0" applyFont="1" applyFill="1" applyBorder="1" applyAlignment="1">
      <alignment horizontal="left" vertical="top"/>
    </xf>
    <xf numFmtId="0" fontId="16" fillId="0" borderId="10" xfId="0" applyFont="1" applyFill="1" applyBorder="1" applyAlignment="1">
      <alignment horizontal="left" vertical="top"/>
    </xf>
    <xf numFmtId="0" fontId="16" fillId="0" borderId="8" xfId="0" applyFont="1" applyFill="1" applyBorder="1" applyAlignment="1">
      <alignment horizontal="left" vertical="top"/>
    </xf>
    <xf numFmtId="0" fontId="16" fillId="0" borderId="9" xfId="0" applyFont="1" applyFill="1" applyBorder="1" applyAlignment="1">
      <alignment horizontal="left" vertical="top"/>
    </xf>
    <xf numFmtId="0" fontId="9" fillId="0" borderId="41" xfId="0" applyFont="1" applyFill="1" applyBorder="1" applyAlignment="1">
      <alignment horizontal="center" vertical="center"/>
    </xf>
    <xf numFmtId="0" fontId="9" fillId="0" borderId="85" xfId="0" applyFont="1" applyFill="1" applyBorder="1" applyAlignment="1">
      <alignment horizontal="center" vertical="center"/>
    </xf>
    <xf numFmtId="0" fontId="9" fillId="0" borderId="16" xfId="0" applyFont="1" applyFill="1" applyBorder="1" applyAlignment="1">
      <alignment horizontal="center" vertical="center"/>
    </xf>
    <xf numFmtId="0" fontId="9" fillId="0" borderId="30" xfId="0" applyFont="1" applyFill="1" applyBorder="1" applyAlignment="1">
      <alignment horizontal="center" vertical="center"/>
    </xf>
    <xf numFmtId="0" fontId="9" fillId="0" borderId="12" xfId="0" applyFont="1" applyFill="1" applyBorder="1" applyAlignment="1">
      <alignment horizontal="center" vertical="center"/>
    </xf>
    <xf numFmtId="0" fontId="9" fillId="0" borderId="1" xfId="0" applyFont="1" applyFill="1" applyBorder="1" applyAlignment="1">
      <alignment horizontal="center" vertical="center"/>
    </xf>
    <xf numFmtId="0" fontId="10" fillId="0" borderId="16" xfId="0" applyFont="1" applyFill="1" applyBorder="1" applyAlignment="1">
      <alignment horizontal="center" vertical="center"/>
    </xf>
    <xf numFmtId="0" fontId="10" fillId="0" borderId="30" xfId="0" applyFont="1" applyFill="1" applyBorder="1" applyAlignment="1">
      <alignment horizontal="center" vertical="center"/>
    </xf>
    <xf numFmtId="0" fontId="10" fillId="0" borderId="79" xfId="0" applyFont="1" applyFill="1" applyBorder="1" applyAlignment="1">
      <alignment horizontal="center" vertical="center"/>
    </xf>
    <xf numFmtId="0" fontId="10" fillId="0" borderId="40" xfId="0" applyFont="1" applyFill="1" applyBorder="1" applyAlignment="1">
      <alignment horizontal="center" vertical="center"/>
    </xf>
    <xf numFmtId="0" fontId="10" fillId="0" borderId="80" xfId="0" applyFont="1" applyFill="1" applyBorder="1" applyAlignment="1">
      <alignment horizontal="center" vertical="center"/>
    </xf>
    <xf numFmtId="0" fontId="10" fillId="0" borderId="87" xfId="0" applyFont="1" applyFill="1" applyBorder="1" applyAlignment="1">
      <alignment horizontal="center" vertical="center"/>
    </xf>
    <xf numFmtId="0" fontId="10" fillId="0" borderId="33" xfId="0" applyFont="1" applyFill="1" applyBorder="1" applyAlignment="1">
      <alignment horizontal="center" vertical="center"/>
    </xf>
    <xf numFmtId="0" fontId="10" fillId="0" borderId="88" xfId="0" applyFont="1" applyFill="1" applyBorder="1" applyAlignment="1">
      <alignment horizontal="center" vertical="center"/>
    </xf>
    <xf numFmtId="0" fontId="16" fillId="0" borderId="24" xfId="0" applyFont="1" applyFill="1" applyBorder="1" applyAlignment="1">
      <alignment horizontal="center" vertical="center"/>
    </xf>
    <xf numFmtId="0" fontId="16" fillId="0" borderId="12" xfId="0" applyFont="1" applyFill="1" applyBorder="1" applyAlignment="1">
      <alignment horizontal="center" vertical="center"/>
    </xf>
    <xf numFmtId="0" fontId="16" fillId="0" borderId="25" xfId="0" applyFont="1" applyFill="1" applyBorder="1" applyAlignment="1">
      <alignment horizontal="center" vertical="center"/>
    </xf>
    <xf numFmtId="0" fontId="16" fillId="0" borderId="22" xfId="0" applyFont="1" applyFill="1" applyBorder="1" applyAlignment="1">
      <alignment horizontal="center" vertical="center"/>
    </xf>
    <xf numFmtId="0" fontId="16" fillId="0" borderId="1" xfId="0" applyFont="1" applyFill="1" applyBorder="1" applyAlignment="1">
      <alignment horizontal="center" vertical="center"/>
    </xf>
    <xf numFmtId="0" fontId="16" fillId="0" borderId="23" xfId="0" applyFont="1" applyFill="1" applyBorder="1" applyAlignment="1">
      <alignment horizontal="center" vertical="center"/>
    </xf>
    <xf numFmtId="0" fontId="28" fillId="0" borderId="5" xfId="0" applyFont="1" applyFill="1" applyBorder="1" applyAlignment="1">
      <alignment horizontal="center" vertical="center"/>
    </xf>
    <xf numFmtId="0" fontId="28" fillId="0" borderId="0" xfId="0" applyFont="1" applyFill="1" applyBorder="1" applyAlignment="1">
      <alignment horizontal="center" vertical="center"/>
    </xf>
    <xf numFmtId="38" fontId="28" fillId="0" borderId="0" xfId="1" applyFont="1" applyFill="1" applyBorder="1" applyAlignment="1">
      <alignment horizontal="center" vertical="center"/>
    </xf>
    <xf numFmtId="0" fontId="28" fillId="0" borderId="7" xfId="0" applyFont="1" applyFill="1" applyBorder="1" applyAlignment="1">
      <alignment horizontal="center" vertical="center"/>
    </xf>
    <xf numFmtId="0" fontId="28" fillId="0" borderId="8" xfId="0" applyFont="1" applyFill="1" applyBorder="1" applyAlignment="1">
      <alignment horizontal="center" vertical="center"/>
    </xf>
    <xf numFmtId="0" fontId="32" fillId="0" borderId="0" xfId="0" applyFont="1" applyFill="1" applyBorder="1" applyAlignment="1">
      <alignment horizontal="left" vertical="center"/>
    </xf>
    <xf numFmtId="0" fontId="32" fillId="0" borderId="11" xfId="0" applyFont="1" applyFill="1" applyBorder="1" applyAlignment="1">
      <alignment horizontal="left" vertical="center"/>
    </xf>
    <xf numFmtId="0" fontId="32" fillId="0" borderId="8" xfId="0" applyFont="1" applyFill="1" applyBorder="1" applyAlignment="1">
      <alignment horizontal="left" vertical="center"/>
    </xf>
    <xf numFmtId="0" fontId="32" fillId="0" borderId="13" xfId="0" applyFont="1" applyFill="1" applyBorder="1" applyAlignment="1">
      <alignment horizontal="left" vertical="center"/>
    </xf>
    <xf numFmtId="0" fontId="10" fillId="0" borderId="1" xfId="0" applyFont="1" applyFill="1" applyBorder="1" applyAlignment="1">
      <alignment horizontal="center"/>
    </xf>
    <xf numFmtId="0" fontId="9" fillId="0" borderId="31" xfId="0" applyFont="1" applyFill="1" applyBorder="1" applyAlignment="1">
      <alignment horizontal="center" vertical="center" wrapText="1"/>
    </xf>
    <xf numFmtId="0" fontId="9" fillId="0" borderId="91" xfId="0" applyFont="1" applyFill="1" applyBorder="1" applyAlignment="1">
      <alignment horizontal="center" vertical="center" wrapText="1"/>
    </xf>
    <xf numFmtId="0" fontId="11" fillId="0" borderId="24" xfId="0" applyFont="1" applyFill="1" applyBorder="1" applyAlignment="1">
      <alignment horizontal="center" vertical="center" wrapText="1"/>
    </xf>
    <xf numFmtId="0" fontId="11" fillId="0" borderId="12" xfId="0" applyFont="1" applyFill="1" applyBorder="1" applyAlignment="1">
      <alignment horizontal="center" vertical="center" wrapText="1"/>
    </xf>
    <xf numFmtId="0" fontId="11" fillId="0" borderId="22" xfId="0" applyFont="1" applyFill="1" applyBorder="1" applyAlignment="1">
      <alignment horizontal="center" vertical="center" wrapText="1"/>
    </xf>
    <xf numFmtId="0" fontId="11" fillId="0" borderId="1" xfId="0" applyFont="1" applyFill="1" applyBorder="1" applyAlignment="1">
      <alignment horizontal="center" vertical="center" wrapText="1"/>
    </xf>
    <xf numFmtId="0" fontId="9" fillId="0" borderId="24" xfId="0" applyFont="1" applyFill="1" applyBorder="1" applyAlignment="1">
      <alignment horizontal="center" vertical="center" wrapText="1"/>
    </xf>
    <xf numFmtId="0" fontId="9" fillId="0" borderId="12" xfId="0" applyFont="1" applyFill="1" applyBorder="1" applyAlignment="1">
      <alignment horizontal="center" vertical="center" wrapText="1"/>
    </xf>
    <xf numFmtId="0" fontId="9" fillId="0" borderId="16" xfId="0" applyFont="1" applyFill="1" applyBorder="1" applyAlignment="1">
      <alignment horizontal="center" vertical="center" wrapText="1"/>
    </xf>
    <xf numFmtId="0" fontId="9" fillId="0" borderId="7" xfId="0" applyFont="1" applyFill="1" applyBorder="1" applyAlignment="1">
      <alignment horizontal="center" vertical="center" wrapText="1"/>
    </xf>
    <xf numFmtId="0" fontId="9" fillId="0" borderId="8" xfId="0" applyFont="1" applyFill="1" applyBorder="1" applyAlignment="1">
      <alignment horizontal="center" vertical="center" wrapText="1"/>
    </xf>
    <xf numFmtId="0" fontId="9" fillId="0" borderId="9" xfId="0" applyFont="1" applyFill="1" applyBorder="1" applyAlignment="1">
      <alignment horizontal="center" vertical="center" wrapText="1"/>
    </xf>
    <xf numFmtId="0" fontId="9" fillId="0" borderId="5" xfId="0" applyFont="1" applyFill="1" applyBorder="1" applyAlignment="1">
      <alignment horizontal="center" vertical="center"/>
    </xf>
    <xf numFmtId="0" fontId="9" fillId="0" borderId="0" xfId="0" applyFont="1" applyFill="1" applyBorder="1" applyAlignment="1">
      <alignment horizontal="center" vertical="center"/>
    </xf>
    <xf numFmtId="0" fontId="9" fillId="0" borderId="6" xfId="0" applyFont="1" applyFill="1" applyBorder="1" applyAlignment="1">
      <alignment horizontal="center" vertical="center"/>
    </xf>
    <xf numFmtId="0" fontId="9" fillId="0" borderId="7" xfId="0" applyFont="1" applyFill="1" applyBorder="1" applyAlignment="1">
      <alignment horizontal="center" vertical="center"/>
    </xf>
    <xf numFmtId="0" fontId="9" fillId="0" borderId="8" xfId="0" applyFont="1" applyFill="1" applyBorder="1" applyAlignment="1">
      <alignment horizontal="center" vertical="center"/>
    </xf>
    <xf numFmtId="0" fontId="9" fillId="0" borderId="9" xfId="0" applyFont="1" applyFill="1" applyBorder="1" applyAlignment="1">
      <alignment horizontal="center" vertical="center"/>
    </xf>
    <xf numFmtId="0" fontId="9" fillId="0" borderId="15" xfId="0" applyFont="1" applyFill="1" applyBorder="1" applyAlignment="1">
      <alignment horizontal="center" vertical="center"/>
    </xf>
    <xf numFmtId="0" fontId="9" fillId="0" borderId="10" xfId="0" applyFont="1" applyFill="1" applyBorder="1" applyAlignment="1">
      <alignment horizontal="center" vertical="center"/>
    </xf>
    <xf numFmtId="0" fontId="9" fillId="0" borderId="26" xfId="0" applyFont="1" applyFill="1" applyBorder="1" applyAlignment="1">
      <alignment horizontal="center" vertical="center" wrapText="1"/>
    </xf>
    <xf numFmtId="0" fontId="9" fillId="0" borderId="10" xfId="0" applyFont="1" applyFill="1" applyBorder="1" applyAlignment="1">
      <alignment horizontal="center" vertical="center" wrapText="1"/>
    </xf>
    <xf numFmtId="0" fontId="20" fillId="0" borderId="24" xfId="0" applyFont="1" applyFill="1" applyBorder="1" applyAlignment="1">
      <alignment horizontal="center" vertical="center"/>
    </xf>
    <xf numFmtId="0" fontId="20" fillId="0" borderId="12" xfId="0" applyFont="1" applyFill="1" applyBorder="1" applyAlignment="1">
      <alignment horizontal="center" vertical="center"/>
    </xf>
    <xf numFmtId="0" fontId="20" fillId="0" borderId="16" xfId="0" applyFont="1" applyFill="1" applyBorder="1" applyAlignment="1">
      <alignment horizontal="center" vertical="center"/>
    </xf>
    <xf numFmtId="0" fontId="9" fillId="0" borderId="79" xfId="0" applyFont="1" applyFill="1" applyBorder="1" applyAlignment="1">
      <alignment horizontal="center" vertical="center"/>
    </xf>
    <xf numFmtId="0" fontId="9" fillId="0" borderId="40" xfId="0" applyFont="1" applyFill="1" applyBorder="1" applyAlignment="1">
      <alignment horizontal="center" vertical="center"/>
    </xf>
    <xf numFmtId="0" fontId="9" fillId="0" borderId="80" xfId="0" applyFont="1" applyFill="1" applyBorder="1" applyAlignment="1">
      <alignment horizontal="center" vertical="center"/>
    </xf>
    <xf numFmtId="0" fontId="9" fillId="0" borderId="87" xfId="0" applyFont="1" applyFill="1" applyBorder="1" applyAlignment="1">
      <alignment horizontal="center" vertical="center"/>
    </xf>
    <xf numFmtId="0" fontId="9" fillId="0" borderId="33" xfId="0" applyFont="1" applyFill="1" applyBorder="1" applyAlignment="1">
      <alignment horizontal="center" vertical="center"/>
    </xf>
    <xf numFmtId="0" fontId="9" fillId="0" borderId="88" xfId="0" applyFont="1" applyFill="1" applyBorder="1" applyAlignment="1">
      <alignment horizontal="center" vertical="center"/>
    </xf>
    <xf numFmtId="0" fontId="11" fillId="0" borderId="79" xfId="0" applyFont="1" applyFill="1" applyBorder="1" applyAlignment="1">
      <alignment horizontal="center" vertical="center" wrapText="1"/>
    </xf>
    <xf numFmtId="0" fontId="11" fillId="0" borderId="80" xfId="0" applyFont="1" applyFill="1" applyBorder="1" applyAlignment="1">
      <alignment horizontal="center" vertical="center" wrapText="1"/>
    </xf>
    <xf numFmtId="0" fontId="11" fillId="0" borderId="81" xfId="0" applyFont="1" applyFill="1" applyBorder="1" applyAlignment="1">
      <alignment horizontal="center" vertical="center" wrapText="1"/>
    </xf>
    <xf numFmtId="0" fontId="11" fillId="0" borderId="82" xfId="0" applyFont="1" applyFill="1" applyBorder="1" applyAlignment="1">
      <alignment horizontal="center" vertical="center" wrapText="1"/>
    </xf>
    <xf numFmtId="0" fontId="11" fillId="0" borderId="87" xfId="0" applyFont="1" applyFill="1" applyBorder="1" applyAlignment="1">
      <alignment horizontal="center" vertical="center" wrapText="1"/>
    </xf>
    <xf numFmtId="0" fontId="11" fillId="0" borderId="88" xfId="0" applyFont="1" applyFill="1" applyBorder="1" applyAlignment="1">
      <alignment horizontal="center" vertical="center" wrapText="1"/>
    </xf>
    <xf numFmtId="0" fontId="9" fillId="0" borderId="75" xfId="0" applyFont="1" applyFill="1" applyBorder="1" applyAlignment="1">
      <alignment horizontal="center" vertical="center"/>
    </xf>
    <xf numFmtId="0" fontId="9" fillId="0" borderId="90" xfId="0" applyFont="1" applyFill="1" applyBorder="1" applyAlignment="1">
      <alignment horizontal="center" vertical="center"/>
    </xf>
    <xf numFmtId="0" fontId="9" fillId="0" borderId="76" xfId="0" applyFont="1" applyFill="1" applyBorder="1" applyAlignment="1">
      <alignment horizontal="center" vertical="center"/>
    </xf>
    <xf numFmtId="0" fontId="10" fillId="0" borderId="75" xfId="0" applyFont="1" applyFill="1" applyBorder="1" applyAlignment="1">
      <alignment horizontal="center" vertical="center"/>
    </xf>
    <xf numFmtId="0" fontId="10" fillId="0" borderId="90" xfId="0" applyFont="1" applyFill="1" applyBorder="1" applyAlignment="1">
      <alignment horizontal="center" vertical="center"/>
    </xf>
    <xf numFmtId="0" fontId="10" fillId="0" borderId="76" xfId="0" applyFont="1" applyFill="1" applyBorder="1" applyAlignment="1">
      <alignment horizontal="center" vertical="center"/>
    </xf>
    <xf numFmtId="0" fontId="9" fillId="0" borderId="0" xfId="0" applyFont="1" applyFill="1" applyBorder="1" applyAlignment="1">
      <alignment horizontal="left" vertical="top"/>
    </xf>
    <xf numFmtId="0" fontId="9" fillId="0" borderId="8" xfId="0" applyFont="1" applyFill="1" applyBorder="1" applyAlignment="1">
      <alignment horizontal="left" vertical="top"/>
    </xf>
    <xf numFmtId="0" fontId="18" fillId="0" borderId="51" xfId="0" applyFont="1" applyFill="1" applyBorder="1" applyAlignment="1">
      <alignment horizontal="center" vertical="center"/>
    </xf>
    <xf numFmtId="0" fontId="18" fillId="0" borderId="52" xfId="0" applyFont="1" applyFill="1" applyBorder="1" applyAlignment="1">
      <alignment horizontal="center" vertical="center"/>
    </xf>
    <xf numFmtId="0" fontId="18" fillId="0" borderId="53" xfId="0" applyFont="1" applyFill="1" applyBorder="1" applyAlignment="1">
      <alignment horizontal="center" vertical="center"/>
    </xf>
    <xf numFmtId="0" fontId="9" fillId="0" borderId="3" xfId="0" applyFont="1" applyFill="1" applyBorder="1" applyAlignment="1">
      <alignment horizontal="center"/>
    </xf>
    <xf numFmtId="0" fontId="9" fillId="0" borderId="4" xfId="0" applyFont="1" applyFill="1" applyBorder="1" applyAlignment="1">
      <alignment horizontal="center"/>
    </xf>
    <xf numFmtId="0" fontId="9" fillId="0" borderId="21" xfId="0" applyFont="1" applyFill="1" applyBorder="1" applyAlignment="1">
      <alignment horizontal="left" vertical="center" indent="1"/>
    </xf>
    <xf numFmtId="0" fontId="9" fillId="0" borderId="3" xfId="0" applyFont="1" applyFill="1" applyBorder="1" applyAlignment="1">
      <alignment horizontal="left" vertical="center" indent="1"/>
    </xf>
    <xf numFmtId="0" fontId="9" fillId="0" borderId="4" xfId="0" applyFont="1" applyFill="1" applyBorder="1" applyAlignment="1">
      <alignment horizontal="left" vertical="center" indent="1"/>
    </xf>
    <xf numFmtId="0" fontId="9" fillId="0" borderId="10" xfId="0" applyFont="1" applyFill="1" applyBorder="1" applyAlignment="1">
      <alignment horizontal="left" vertical="center" indent="1"/>
    </xf>
    <xf numFmtId="0" fontId="9" fillId="0" borderId="8" xfId="0" applyFont="1" applyFill="1" applyBorder="1" applyAlignment="1">
      <alignment horizontal="left" vertical="center" indent="1"/>
    </xf>
    <xf numFmtId="0" fontId="9" fillId="0" borderId="9" xfId="0" applyFont="1" applyFill="1" applyBorder="1" applyAlignment="1">
      <alignment horizontal="left" vertical="center" indent="1"/>
    </xf>
    <xf numFmtId="0" fontId="20" fillId="0" borderId="8" xfId="0" applyFont="1" applyFill="1" applyBorder="1" applyAlignment="1">
      <alignment horizontal="center"/>
    </xf>
    <xf numFmtId="0" fontId="20" fillId="0" borderId="9" xfId="0" applyFont="1" applyFill="1" applyBorder="1" applyAlignment="1">
      <alignment horizontal="center"/>
    </xf>
    <xf numFmtId="0" fontId="10" fillId="0" borderId="6" xfId="0" applyFont="1" applyFill="1" applyBorder="1" applyAlignment="1">
      <alignment horizontal="center" vertical="center"/>
    </xf>
    <xf numFmtId="0" fontId="8" fillId="0" borderId="21" xfId="0" applyFont="1" applyFill="1" applyBorder="1" applyAlignment="1">
      <alignment horizontal="center" vertical="center" wrapText="1"/>
    </xf>
    <xf numFmtId="0" fontId="8" fillId="0" borderId="4" xfId="0" applyFont="1" applyFill="1" applyBorder="1" applyAlignment="1">
      <alignment horizontal="center" vertical="center" wrapText="1"/>
    </xf>
    <xf numFmtId="0" fontId="8" fillId="0" borderId="15" xfId="0" applyFont="1" applyFill="1" applyBorder="1" applyAlignment="1">
      <alignment horizontal="center" vertical="center" wrapText="1"/>
    </xf>
    <xf numFmtId="0" fontId="8" fillId="0" borderId="6" xfId="0" applyFont="1" applyFill="1" applyBorder="1" applyAlignment="1">
      <alignment horizontal="center" vertical="center" wrapText="1"/>
    </xf>
    <xf numFmtId="0" fontId="8" fillId="0" borderId="10" xfId="0" applyFont="1" applyFill="1" applyBorder="1" applyAlignment="1">
      <alignment horizontal="center" vertical="center" wrapText="1"/>
    </xf>
    <xf numFmtId="0" fontId="8" fillId="0" borderId="9" xfId="0" applyFont="1" applyFill="1" applyBorder="1" applyAlignment="1">
      <alignment horizontal="center" vertical="center" wrapText="1"/>
    </xf>
    <xf numFmtId="0" fontId="8" fillId="0" borderId="26" xfId="0" applyFont="1" applyFill="1" applyBorder="1" applyAlignment="1">
      <alignment horizontal="center" vertical="center" wrapText="1"/>
    </xf>
    <xf numFmtId="0" fontId="8" fillId="0" borderId="16" xfId="0" applyFont="1" applyFill="1" applyBorder="1" applyAlignment="1">
      <alignment horizontal="center" vertical="center" wrapText="1"/>
    </xf>
    <xf numFmtId="0" fontId="8" fillId="0" borderId="27" xfId="0" applyFont="1" applyFill="1" applyBorder="1" applyAlignment="1">
      <alignment horizontal="center" vertical="center" wrapText="1"/>
    </xf>
    <xf numFmtId="0" fontId="8" fillId="0" borderId="30" xfId="0" applyFont="1" applyFill="1" applyBorder="1" applyAlignment="1">
      <alignment horizontal="center" vertical="center" wrapText="1"/>
    </xf>
    <xf numFmtId="0" fontId="9" fillId="0" borderId="21" xfId="0" applyFont="1" applyFill="1" applyBorder="1" applyAlignment="1">
      <alignment horizontal="center" vertical="center"/>
    </xf>
    <xf numFmtId="0" fontId="9" fillId="0" borderId="3" xfId="0" applyFont="1" applyFill="1" applyBorder="1" applyAlignment="1">
      <alignment horizontal="center" vertical="center"/>
    </xf>
    <xf numFmtId="0" fontId="9" fillId="0" borderId="18" xfId="0" applyFont="1" applyFill="1" applyBorder="1" applyAlignment="1">
      <alignment horizontal="center" vertical="center"/>
    </xf>
    <xf numFmtId="0" fontId="9" fillId="0" borderId="11" xfId="0" applyFont="1" applyFill="1" applyBorder="1" applyAlignment="1">
      <alignment horizontal="center" vertical="center"/>
    </xf>
    <xf numFmtId="0" fontId="9" fillId="0" borderId="13" xfId="0" applyFont="1" applyFill="1" applyBorder="1" applyAlignment="1">
      <alignment horizontal="center" vertical="center"/>
    </xf>
    <xf numFmtId="0" fontId="9" fillId="0" borderId="26" xfId="0" applyFont="1" applyFill="1" applyBorder="1" applyAlignment="1">
      <alignment horizontal="center" vertical="center"/>
    </xf>
    <xf numFmtId="0" fontId="9" fillId="0" borderId="25" xfId="0" applyFont="1" applyFill="1" applyBorder="1" applyAlignment="1">
      <alignment horizontal="center" vertical="center"/>
    </xf>
    <xf numFmtId="0" fontId="9" fillId="0" borderId="86" xfId="0" applyFont="1" applyFill="1" applyBorder="1" applyAlignment="1">
      <alignment horizontal="center" vertical="center" textRotation="255"/>
    </xf>
    <xf numFmtId="0" fontId="9" fillId="0" borderId="5" xfId="0" applyFont="1" applyFill="1" applyBorder="1" applyAlignment="1">
      <alignment horizontal="center" vertical="center" textRotation="255"/>
    </xf>
    <xf numFmtId="0" fontId="9" fillId="0" borderId="89" xfId="0" applyFont="1" applyFill="1" applyBorder="1" applyAlignment="1">
      <alignment horizontal="center" vertical="center" textRotation="255"/>
    </xf>
    <xf numFmtId="0" fontId="9" fillId="0" borderId="24" xfId="0" applyFont="1" applyFill="1" applyBorder="1" applyAlignment="1">
      <alignment horizontal="center" vertical="center"/>
    </xf>
    <xf numFmtId="0" fontId="9" fillId="0" borderId="26" xfId="0" applyFont="1" applyFill="1" applyBorder="1" applyAlignment="1">
      <alignment horizontal="center" vertical="distributed"/>
    </xf>
    <xf numFmtId="0" fontId="9" fillId="0" borderId="12" xfId="0" applyFont="1" applyFill="1" applyBorder="1" applyAlignment="1">
      <alignment horizontal="center" vertical="distributed"/>
    </xf>
    <xf numFmtId="0" fontId="9" fillId="0" borderId="25" xfId="0" applyFont="1" applyFill="1" applyBorder="1" applyAlignment="1">
      <alignment horizontal="center" vertical="distributed"/>
    </xf>
    <xf numFmtId="0" fontId="9" fillId="0" borderId="27" xfId="0" applyFont="1" applyFill="1" applyBorder="1" applyAlignment="1">
      <alignment horizontal="center" vertical="distributed"/>
    </xf>
    <xf numFmtId="0" fontId="9" fillId="0" borderId="1" xfId="0" applyFont="1" applyFill="1" applyBorder="1" applyAlignment="1">
      <alignment horizontal="center" vertical="distributed"/>
    </xf>
    <xf numFmtId="0" fontId="9" fillId="0" borderId="23" xfId="0" applyFont="1" applyFill="1" applyBorder="1" applyAlignment="1">
      <alignment horizontal="center" vertical="distributed"/>
    </xf>
    <xf numFmtId="0" fontId="9" fillId="0" borderId="2" xfId="0" applyFont="1" applyFill="1" applyBorder="1" applyAlignment="1">
      <alignment horizontal="center" vertical="center" wrapText="1"/>
    </xf>
    <xf numFmtId="0" fontId="9" fillId="0" borderId="15" xfId="0" applyFont="1" applyFill="1" applyBorder="1" applyAlignment="1">
      <alignment horizontal="left" vertical="distributed"/>
    </xf>
    <xf numFmtId="0" fontId="9" fillId="0" borderId="0" xfId="0" applyFont="1" applyFill="1" applyBorder="1" applyAlignment="1">
      <alignment horizontal="left" vertical="distributed"/>
    </xf>
    <xf numFmtId="0" fontId="9" fillId="0" borderId="11" xfId="0" applyFont="1" applyFill="1" applyBorder="1" applyAlignment="1">
      <alignment horizontal="left" vertical="distributed"/>
    </xf>
    <xf numFmtId="0" fontId="9" fillId="0" borderId="10" xfId="0" applyFont="1" applyFill="1" applyBorder="1" applyAlignment="1">
      <alignment horizontal="left" vertical="distributed"/>
    </xf>
    <xf numFmtId="0" fontId="9" fillId="0" borderId="8" xfId="0" applyFont="1" applyFill="1" applyBorder="1" applyAlignment="1">
      <alignment horizontal="left" vertical="distributed"/>
    </xf>
    <xf numFmtId="0" fontId="9" fillId="0" borderId="13" xfId="0" applyFont="1" applyFill="1" applyBorder="1" applyAlignment="1">
      <alignment horizontal="left" vertical="distributed"/>
    </xf>
    <xf numFmtId="0" fontId="11" fillId="0" borderId="24" xfId="0" applyFont="1" applyFill="1" applyBorder="1" applyAlignment="1">
      <alignment horizontal="center" vertical="distributed"/>
    </xf>
    <xf numFmtId="0" fontId="11" fillId="0" borderId="16" xfId="0" applyFont="1" applyFill="1" applyBorder="1" applyAlignment="1">
      <alignment horizontal="center" vertical="distributed"/>
    </xf>
    <xf numFmtId="0" fontId="11" fillId="0" borderId="7" xfId="0" applyFont="1" applyFill="1" applyBorder="1" applyAlignment="1">
      <alignment horizontal="center" vertical="distributed"/>
    </xf>
    <xf numFmtId="0" fontId="11" fillId="0" borderId="9" xfId="0" applyFont="1" applyFill="1" applyBorder="1" applyAlignment="1">
      <alignment horizontal="center" vertical="distributed"/>
    </xf>
    <xf numFmtId="0" fontId="9" fillId="0" borderId="15" xfId="0" applyFont="1" applyFill="1" applyBorder="1" applyAlignment="1">
      <alignment horizontal="left" vertical="center" indent="1"/>
    </xf>
    <xf numFmtId="0" fontId="9" fillId="0" borderId="0" xfId="0" applyFont="1" applyFill="1" applyBorder="1" applyAlignment="1">
      <alignment horizontal="left" vertical="center" indent="1"/>
    </xf>
    <xf numFmtId="0" fontId="9" fillId="0" borderId="70" xfId="0" applyFont="1" applyFill="1" applyBorder="1" applyAlignment="1">
      <alignment horizontal="left" vertical="center" indent="1"/>
    </xf>
    <xf numFmtId="0" fontId="9" fillId="0" borderId="71" xfId="0" applyFont="1" applyFill="1" applyBorder="1" applyAlignment="1">
      <alignment horizontal="left" vertical="center" indent="1"/>
    </xf>
    <xf numFmtId="0" fontId="20" fillId="0" borderId="28" xfId="0" applyFont="1" applyFill="1" applyBorder="1" applyAlignment="1">
      <alignment horizontal="center" vertical="center"/>
    </xf>
    <xf numFmtId="0" fontId="20" fillId="0" borderId="20" xfId="0" applyFont="1" applyFill="1" applyBorder="1" applyAlignment="1">
      <alignment horizontal="center" vertical="center"/>
    </xf>
    <xf numFmtId="0" fontId="20" fillId="0" borderId="19" xfId="0" applyFont="1" applyFill="1" applyBorder="1" applyAlignment="1">
      <alignment horizontal="center" vertical="center"/>
    </xf>
    <xf numFmtId="0" fontId="9" fillId="0" borderId="8" xfId="0" applyFont="1" applyFill="1" applyBorder="1" applyAlignment="1">
      <alignment horizontal="right" vertical="center"/>
    </xf>
    <xf numFmtId="0" fontId="5" fillId="0" borderId="0" xfId="0" applyFont="1" applyFill="1" applyBorder="1" applyAlignment="1">
      <alignment horizontal="center" vertical="top" textRotation="255" indent="1"/>
    </xf>
    <xf numFmtId="0" fontId="12" fillId="0" borderId="0" xfId="0" applyFont="1" applyFill="1" applyBorder="1" applyAlignment="1">
      <alignment horizontal="center" vertical="top" textRotation="255" indent="1"/>
    </xf>
    <xf numFmtId="0" fontId="9" fillId="0" borderId="26" xfId="0" applyFont="1" applyFill="1" applyBorder="1" applyAlignment="1">
      <alignment horizontal="left" vertical="center" indent="1"/>
    </xf>
    <xf numFmtId="0" fontId="9" fillId="0" borderId="12" xfId="0" applyFont="1" applyFill="1" applyBorder="1" applyAlignment="1">
      <alignment horizontal="left" vertical="center" indent="1"/>
    </xf>
    <xf numFmtId="0" fontId="10" fillId="0" borderId="12" xfId="0" applyFont="1" applyFill="1" applyBorder="1" applyAlignment="1">
      <alignment horizontal="center" vertical="center"/>
    </xf>
    <xf numFmtId="0" fontId="10" fillId="0" borderId="8" xfId="0" applyFont="1" applyFill="1" applyBorder="1" applyAlignment="1">
      <alignment horizontal="center" vertical="center"/>
    </xf>
    <xf numFmtId="0" fontId="10" fillId="0" borderId="0" xfId="0" applyFont="1" applyFill="1" applyBorder="1" applyAlignment="1">
      <alignment horizontal="center" vertical="center"/>
    </xf>
    <xf numFmtId="0" fontId="9" fillId="0" borderId="72" xfId="0" applyFont="1" applyFill="1" applyBorder="1" applyAlignment="1">
      <alignment horizontal="left" vertical="center" indent="1"/>
    </xf>
    <xf numFmtId="0" fontId="9" fillId="0" borderId="72" xfId="0" applyFont="1" applyFill="1" applyBorder="1" applyAlignment="1">
      <alignment horizontal="center" vertical="center"/>
    </xf>
    <xf numFmtId="0" fontId="9" fillId="0" borderId="70" xfId="0" applyFont="1" applyFill="1" applyBorder="1" applyAlignment="1">
      <alignment horizontal="center" vertical="center"/>
    </xf>
    <xf numFmtId="0" fontId="9" fillId="0" borderId="38" xfId="0" applyFont="1" applyFill="1" applyBorder="1" applyAlignment="1">
      <alignment horizontal="center" vertical="center"/>
    </xf>
    <xf numFmtId="0" fontId="9" fillId="0" borderId="39" xfId="0" applyFont="1" applyFill="1" applyBorder="1" applyAlignment="1">
      <alignment horizontal="center" vertical="center"/>
    </xf>
    <xf numFmtId="0" fontId="11" fillId="0" borderId="26" xfId="0" applyFont="1" applyFill="1" applyBorder="1" applyAlignment="1">
      <alignment horizontal="center" vertical="center"/>
    </xf>
    <xf numFmtId="0" fontId="11" fillId="0" borderId="12" xfId="0" applyFont="1" applyFill="1" applyBorder="1" applyAlignment="1">
      <alignment horizontal="center" vertical="center"/>
    </xf>
    <xf numFmtId="0" fontId="11" fillId="0" borderId="16" xfId="0" applyFont="1" applyFill="1" applyBorder="1" applyAlignment="1">
      <alignment horizontal="center" vertical="center"/>
    </xf>
    <xf numFmtId="0" fontId="11" fillId="0" borderId="15" xfId="0" applyFont="1" applyFill="1" applyBorder="1" applyAlignment="1">
      <alignment horizontal="center" vertical="center"/>
    </xf>
    <xf numFmtId="0" fontId="11" fillId="0" borderId="0" xfId="0" applyFont="1" applyFill="1" applyBorder="1" applyAlignment="1">
      <alignment horizontal="center" vertical="center"/>
    </xf>
    <xf numFmtId="0" fontId="11" fillId="0" borderId="6" xfId="0" applyFont="1" applyFill="1" applyBorder="1" applyAlignment="1">
      <alignment horizontal="center" vertical="center"/>
    </xf>
    <xf numFmtId="0" fontId="11" fillId="0" borderId="10" xfId="0" applyFont="1" applyFill="1" applyBorder="1" applyAlignment="1">
      <alignment horizontal="center" vertical="center"/>
    </xf>
    <xf numFmtId="0" fontId="11" fillId="0" borderId="8" xfId="0" applyFont="1" applyFill="1" applyBorder="1" applyAlignment="1">
      <alignment horizontal="center" vertical="center"/>
    </xf>
    <xf numFmtId="0" fontId="25" fillId="0" borderId="12" xfId="0" applyFont="1" applyFill="1" applyBorder="1" applyAlignment="1">
      <alignment horizontal="left" vertical="center" wrapText="1"/>
    </xf>
    <xf numFmtId="0" fontId="26" fillId="0" borderId="12" xfId="0" applyFont="1" applyFill="1" applyBorder="1" applyAlignment="1">
      <alignment wrapText="1"/>
    </xf>
    <xf numFmtId="0" fontId="26" fillId="0" borderId="16" xfId="0" applyFont="1" applyFill="1" applyBorder="1" applyAlignment="1">
      <alignment wrapText="1"/>
    </xf>
    <xf numFmtId="0" fontId="26" fillId="0" borderId="1" xfId="0" applyFont="1" applyFill="1" applyBorder="1" applyAlignment="1">
      <alignment wrapText="1"/>
    </xf>
    <xf numFmtId="0" fontId="26" fillId="0" borderId="30" xfId="0" applyFont="1" applyFill="1" applyBorder="1" applyAlignment="1">
      <alignment wrapText="1"/>
    </xf>
    <xf numFmtId="0" fontId="31" fillId="0" borderId="21" xfId="0" applyFont="1" applyFill="1" applyBorder="1" applyAlignment="1">
      <alignment horizontal="center" vertical="center" wrapText="1"/>
    </xf>
    <xf numFmtId="0" fontId="31" fillId="0" borderId="4" xfId="0" applyFont="1" applyFill="1" applyBorder="1" applyAlignment="1">
      <alignment horizontal="center" vertical="center" wrapText="1"/>
    </xf>
    <xf numFmtId="0" fontId="31" fillId="0" borderId="15" xfId="0" applyFont="1" applyFill="1" applyBorder="1" applyAlignment="1">
      <alignment horizontal="center" vertical="center" wrapText="1"/>
    </xf>
    <xf numFmtId="0" fontId="31" fillId="0" borderId="6" xfId="0" applyFont="1" applyFill="1" applyBorder="1" applyAlignment="1">
      <alignment horizontal="center" vertical="center" wrapText="1"/>
    </xf>
    <xf numFmtId="0" fontId="31" fillId="0" borderId="27" xfId="0" applyFont="1" applyFill="1" applyBorder="1" applyAlignment="1">
      <alignment horizontal="center" vertical="center" wrapText="1"/>
    </xf>
    <xf numFmtId="0" fontId="31" fillId="0" borderId="30" xfId="0" applyFont="1" applyFill="1" applyBorder="1" applyAlignment="1">
      <alignment horizontal="center" vertical="center" wrapText="1"/>
    </xf>
    <xf numFmtId="0" fontId="13" fillId="0" borderId="74" xfId="0" applyFont="1" applyFill="1" applyBorder="1" applyAlignment="1">
      <alignment horizontal="center" vertical="center" textRotation="255"/>
    </xf>
    <xf numFmtId="0" fontId="13" fillId="0" borderId="78" xfId="0" applyFont="1" applyFill="1" applyBorder="1" applyAlignment="1">
      <alignment horizontal="center" vertical="center" textRotation="255"/>
    </xf>
    <xf numFmtId="0" fontId="14" fillId="0" borderId="0" xfId="0" applyFont="1" applyFill="1" applyBorder="1" applyAlignment="1">
      <alignment horizontal="distributed" vertical="top"/>
    </xf>
    <xf numFmtId="0" fontId="16" fillId="0" borderId="0" xfId="0" applyFont="1" applyFill="1" applyBorder="1" applyAlignment="1">
      <alignment horizontal="center" vertical="center"/>
    </xf>
    <xf numFmtId="0" fontId="16" fillId="0" borderId="21" xfId="0" applyFont="1" applyFill="1" applyBorder="1" applyAlignment="1">
      <alignment horizontal="right" vertical="center" textRotation="255"/>
    </xf>
    <xf numFmtId="0" fontId="16" fillId="0" borderId="15" xfId="0" applyFont="1" applyFill="1" applyBorder="1" applyAlignment="1">
      <alignment horizontal="right" vertical="center" textRotation="255"/>
    </xf>
    <xf numFmtId="0" fontId="16" fillId="0" borderId="10" xfId="0" applyFont="1" applyFill="1" applyBorder="1" applyAlignment="1">
      <alignment horizontal="right" vertical="center" textRotation="255"/>
    </xf>
    <xf numFmtId="0" fontId="9" fillId="0" borderId="26" xfId="0" applyFont="1" applyFill="1" applyBorder="1" applyAlignment="1">
      <alignment horizontal="center"/>
    </xf>
    <xf numFmtId="0" fontId="9" fillId="0" borderId="12" xfId="0" applyFont="1" applyFill="1" applyBorder="1" applyAlignment="1">
      <alignment horizontal="center"/>
    </xf>
    <xf numFmtId="0" fontId="9" fillId="0" borderId="16" xfId="0" applyFont="1" applyFill="1" applyBorder="1" applyAlignment="1">
      <alignment horizontal="center"/>
    </xf>
    <xf numFmtId="38" fontId="10" fillId="0" borderId="26" xfId="1" applyFont="1" applyFill="1" applyBorder="1" applyAlignment="1">
      <alignment horizontal="right" vertical="center" indent="1"/>
    </xf>
    <xf numFmtId="38" fontId="10" fillId="0" borderId="12" xfId="1" applyFont="1" applyFill="1" applyBorder="1" applyAlignment="1">
      <alignment horizontal="right" vertical="center" indent="1"/>
    </xf>
    <xf numFmtId="38" fontId="10" fillId="0" borderId="16" xfId="1" applyFont="1" applyFill="1" applyBorder="1" applyAlignment="1">
      <alignment horizontal="right" vertical="center" indent="1"/>
    </xf>
    <xf numFmtId="38" fontId="10" fillId="0" borderId="15" xfId="1" applyFont="1" applyFill="1" applyBorder="1" applyAlignment="1">
      <alignment horizontal="right" vertical="center" indent="1"/>
    </xf>
    <xf numFmtId="38" fontId="10" fillId="0" borderId="0" xfId="1" applyFont="1" applyFill="1" applyBorder="1" applyAlignment="1">
      <alignment horizontal="right" vertical="center" indent="1"/>
    </xf>
    <xf numFmtId="38" fontId="10" fillId="0" borderId="6" xfId="1" applyFont="1" applyFill="1" applyBorder="1" applyAlignment="1">
      <alignment horizontal="right" vertical="center" indent="1"/>
    </xf>
    <xf numFmtId="38" fontId="10" fillId="0" borderId="27" xfId="1" applyFont="1" applyFill="1" applyBorder="1" applyAlignment="1">
      <alignment horizontal="right" vertical="center" indent="1"/>
    </xf>
    <xf numFmtId="38" fontId="10" fillId="0" borderId="1" xfId="1" applyFont="1" applyFill="1" applyBorder="1" applyAlignment="1">
      <alignment horizontal="right" vertical="center" indent="1"/>
    </xf>
    <xf numFmtId="38" fontId="10" fillId="0" borderId="30" xfId="1" applyFont="1" applyFill="1" applyBorder="1" applyAlignment="1">
      <alignment horizontal="right" vertical="center" indent="1"/>
    </xf>
    <xf numFmtId="0" fontId="10" fillId="0" borderId="26" xfId="0" applyFont="1" applyFill="1" applyBorder="1" applyAlignment="1">
      <alignment horizontal="center"/>
    </xf>
    <xf numFmtId="0" fontId="10" fillId="0" borderId="12" xfId="0" applyFont="1" applyFill="1" applyBorder="1" applyAlignment="1">
      <alignment horizontal="center"/>
    </xf>
    <xf numFmtId="0" fontId="10" fillId="0" borderId="32" xfId="0" applyFont="1" applyFill="1" applyBorder="1" applyAlignment="1">
      <alignment horizontal="center"/>
    </xf>
    <xf numFmtId="0" fontId="10" fillId="0" borderId="33" xfId="0" applyFont="1" applyFill="1" applyBorder="1" applyAlignment="1">
      <alignment horizontal="center"/>
    </xf>
    <xf numFmtId="0" fontId="24" fillId="0" borderId="12" xfId="0" applyFont="1" applyFill="1" applyBorder="1" applyAlignment="1">
      <alignment horizontal="right"/>
    </xf>
    <xf numFmtId="0" fontId="24" fillId="0" borderId="16" xfId="0" applyFont="1" applyFill="1" applyBorder="1" applyAlignment="1">
      <alignment horizontal="right"/>
    </xf>
    <xf numFmtId="0" fontId="24" fillId="0" borderId="33" xfId="0" applyFont="1" applyFill="1" applyBorder="1" applyAlignment="1">
      <alignment horizontal="right"/>
    </xf>
    <xf numFmtId="0" fontId="24" fillId="0" borderId="35" xfId="0" applyFont="1" applyFill="1" applyBorder="1" applyAlignment="1">
      <alignment horizontal="right"/>
    </xf>
    <xf numFmtId="38" fontId="10" fillId="0" borderId="26" xfId="1" applyFont="1" applyFill="1" applyBorder="1" applyAlignment="1">
      <alignment horizontal="center"/>
    </xf>
    <xf numFmtId="38" fontId="10" fillId="0" borderId="12" xfId="1" applyFont="1" applyFill="1" applyBorder="1" applyAlignment="1">
      <alignment horizontal="center"/>
    </xf>
    <xf numFmtId="38" fontId="10" fillId="0" borderId="32" xfId="1" applyFont="1" applyFill="1" applyBorder="1" applyAlignment="1">
      <alignment horizontal="center"/>
    </xf>
    <xf numFmtId="38" fontId="10" fillId="0" borderId="33" xfId="1" applyFont="1" applyFill="1" applyBorder="1" applyAlignment="1">
      <alignment horizontal="center"/>
    </xf>
    <xf numFmtId="0" fontId="9" fillId="0" borderId="26" xfId="0" applyFont="1" applyFill="1" applyBorder="1" applyAlignment="1">
      <alignment horizontal="left" vertical="center" wrapText="1" indent="1"/>
    </xf>
    <xf numFmtId="0" fontId="9" fillId="0" borderId="12" xfId="0" applyFont="1" applyFill="1" applyBorder="1" applyAlignment="1">
      <alignment horizontal="left" vertical="center" wrapText="1" indent="1"/>
    </xf>
    <xf numFmtId="0" fontId="9" fillId="0" borderId="16" xfId="0" applyFont="1" applyFill="1" applyBorder="1" applyAlignment="1">
      <alignment horizontal="left" vertical="center" wrapText="1" indent="1"/>
    </xf>
    <xf numFmtId="0" fontId="9" fillId="0" borderId="27" xfId="0" applyFont="1" applyFill="1" applyBorder="1" applyAlignment="1">
      <alignment horizontal="left" vertical="center" wrapText="1" indent="1"/>
    </xf>
    <xf numFmtId="0" fontId="9" fillId="0" borderId="1" xfId="0" applyFont="1" applyFill="1" applyBorder="1" applyAlignment="1">
      <alignment horizontal="left" vertical="center" wrapText="1" indent="1"/>
    </xf>
    <xf numFmtId="0" fontId="9" fillId="0" borderId="30" xfId="0" applyFont="1" applyFill="1" applyBorder="1" applyAlignment="1">
      <alignment horizontal="left" vertical="center" wrapText="1" indent="1"/>
    </xf>
    <xf numFmtId="0" fontId="11" fillId="0" borderId="20" xfId="0" applyFont="1" applyFill="1" applyBorder="1" applyAlignment="1">
      <alignment horizontal="center" vertical="center" wrapText="1"/>
    </xf>
    <xf numFmtId="0" fontId="11" fillId="0" borderId="19" xfId="0" applyFont="1" applyFill="1" applyBorder="1" applyAlignment="1">
      <alignment horizontal="center" vertical="center" wrapText="1"/>
    </xf>
    <xf numFmtId="0" fontId="9" fillId="0" borderId="56" xfId="0" applyFont="1" applyFill="1" applyBorder="1" applyAlignment="1">
      <alignment horizontal="center" vertical="center" wrapText="1"/>
    </xf>
    <xf numFmtId="0" fontId="9" fillId="0" borderId="58" xfId="0" applyFont="1" applyFill="1" applyBorder="1" applyAlignment="1">
      <alignment horizontal="center" vertical="center" wrapText="1"/>
    </xf>
    <xf numFmtId="0" fontId="9" fillId="0" borderId="59" xfId="0" applyFont="1" applyFill="1" applyBorder="1" applyAlignment="1">
      <alignment horizontal="center" vertical="center" wrapText="1"/>
    </xf>
    <xf numFmtId="0" fontId="9" fillId="0" borderId="60" xfId="0" applyFont="1" applyFill="1" applyBorder="1" applyAlignment="1">
      <alignment horizontal="center" vertical="center" wrapText="1"/>
    </xf>
    <xf numFmtId="0" fontId="20" fillId="0" borderId="26" xfId="0" applyFont="1" applyFill="1" applyBorder="1" applyAlignment="1">
      <alignment horizontal="center" vertical="center" wrapText="1"/>
    </xf>
    <xf numFmtId="0" fontId="20" fillId="0" borderId="12" xfId="0" applyFont="1" applyFill="1" applyBorder="1" applyAlignment="1">
      <alignment horizontal="center" vertical="center" wrapText="1"/>
    </xf>
    <xf numFmtId="0" fontId="20" fillId="0" borderId="16" xfId="0" applyFont="1" applyFill="1" applyBorder="1" applyAlignment="1">
      <alignment horizontal="center" vertical="center" wrapText="1"/>
    </xf>
    <xf numFmtId="0" fontId="20" fillId="0" borderId="26" xfId="0" applyFont="1" applyFill="1" applyBorder="1" applyAlignment="1">
      <alignment horizontal="left" vertical="center" wrapText="1" indent="1"/>
    </xf>
    <xf numFmtId="0" fontId="20" fillId="0" borderId="12" xfId="0" applyFont="1" applyFill="1" applyBorder="1" applyAlignment="1">
      <alignment horizontal="left" vertical="center" wrapText="1" indent="1"/>
    </xf>
    <xf numFmtId="0" fontId="21" fillId="0" borderId="92" xfId="0" applyFont="1" applyFill="1" applyBorder="1" applyAlignment="1">
      <alignment horizontal="center" vertical="center" wrapText="1"/>
    </xf>
    <xf numFmtId="0" fontId="21" fillId="0" borderId="93" xfId="0" applyFont="1" applyFill="1" applyBorder="1" applyAlignment="1">
      <alignment horizontal="center" vertical="center" wrapText="1"/>
    </xf>
    <xf numFmtId="0" fontId="21" fillId="0" borderId="94" xfId="0" applyFont="1" applyFill="1" applyBorder="1" applyAlignment="1">
      <alignment horizontal="center" vertical="center" wrapText="1"/>
    </xf>
    <xf numFmtId="0" fontId="21" fillId="0" borderId="15" xfId="0" applyFont="1" applyFill="1" applyBorder="1" applyAlignment="1">
      <alignment horizontal="center" vertical="center" wrapText="1"/>
    </xf>
    <xf numFmtId="0" fontId="21" fillId="0" borderId="0" xfId="0" applyFont="1" applyFill="1" applyBorder="1" applyAlignment="1">
      <alignment horizontal="center" vertical="center" wrapText="1"/>
    </xf>
    <xf numFmtId="0" fontId="21" fillId="0" borderId="6" xfId="0" applyFont="1" applyFill="1" applyBorder="1" applyAlignment="1">
      <alignment horizontal="center" vertical="center" wrapText="1"/>
    </xf>
    <xf numFmtId="0" fontId="21" fillId="0" borderId="10" xfId="0" applyFont="1" applyFill="1" applyBorder="1" applyAlignment="1">
      <alignment horizontal="center" vertical="center" wrapText="1"/>
    </xf>
    <xf numFmtId="0" fontId="21" fillId="0" borderId="8" xfId="0" applyFont="1" applyFill="1" applyBorder="1" applyAlignment="1">
      <alignment horizontal="center" vertical="center" wrapText="1"/>
    </xf>
    <xf numFmtId="0" fontId="21" fillId="0" borderId="9" xfId="0" applyFont="1" applyFill="1" applyBorder="1" applyAlignment="1">
      <alignment horizontal="center" vertical="center" wrapText="1"/>
    </xf>
    <xf numFmtId="0" fontId="9" fillId="0" borderId="20" xfId="0" applyFont="1" applyFill="1" applyBorder="1" applyAlignment="1">
      <alignment horizontal="center"/>
    </xf>
    <xf numFmtId="0" fontId="9" fillId="0" borderId="19" xfId="0" applyFont="1" applyFill="1" applyBorder="1" applyAlignment="1">
      <alignment horizontal="center"/>
    </xf>
    <xf numFmtId="0" fontId="8" fillId="0" borderId="12" xfId="0" applyFont="1" applyFill="1" applyBorder="1" applyAlignment="1">
      <alignment horizontal="center" wrapText="1"/>
    </xf>
    <xf numFmtId="0" fontId="8" fillId="0" borderId="16" xfId="0" applyFont="1" applyFill="1" applyBorder="1" applyAlignment="1">
      <alignment horizontal="center"/>
    </xf>
    <xf numFmtId="0" fontId="8" fillId="0" borderId="8" xfId="0" applyFont="1" applyFill="1" applyBorder="1" applyAlignment="1">
      <alignment horizontal="center"/>
    </xf>
    <xf numFmtId="0" fontId="8" fillId="0" borderId="9" xfId="0" applyFont="1" applyFill="1" applyBorder="1" applyAlignment="1">
      <alignment horizontal="center"/>
    </xf>
    <xf numFmtId="0" fontId="9" fillId="0" borderId="10" xfId="0" applyFont="1" applyFill="1" applyBorder="1" applyAlignment="1">
      <alignment horizontal="center"/>
    </xf>
    <xf numFmtId="0" fontId="9" fillId="0" borderId="8" xfId="0" applyFont="1" applyFill="1" applyBorder="1" applyAlignment="1">
      <alignment horizontal="center"/>
    </xf>
    <xf numFmtId="0" fontId="9" fillId="0" borderId="9" xfId="0" applyFont="1" applyFill="1" applyBorder="1" applyAlignment="1">
      <alignment horizontal="center"/>
    </xf>
    <xf numFmtId="0" fontId="9" fillId="0" borderId="42" xfId="0" applyFont="1" applyFill="1" applyBorder="1" applyAlignment="1">
      <alignment horizontal="center" vertical="center"/>
    </xf>
    <xf numFmtId="0" fontId="9" fillId="0" borderId="4" xfId="0" applyFont="1" applyFill="1" applyBorder="1" applyAlignment="1">
      <alignment horizontal="center" vertical="center" textRotation="255" shrinkToFit="1"/>
    </xf>
    <xf numFmtId="0" fontId="9" fillId="0" borderId="6" xfId="0" applyFont="1" applyFill="1" applyBorder="1" applyAlignment="1">
      <alignment horizontal="center" vertical="center" textRotation="255" shrinkToFit="1"/>
    </xf>
    <xf numFmtId="0" fontId="9" fillId="0" borderId="9" xfId="0" applyFont="1" applyFill="1" applyBorder="1" applyAlignment="1">
      <alignment horizontal="center" vertical="center" textRotation="255" shrinkToFit="1"/>
    </xf>
    <xf numFmtId="0" fontId="9" fillId="0" borderId="21" xfId="0" applyFont="1" applyFill="1" applyBorder="1" applyAlignment="1">
      <alignment horizontal="center" vertical="center" wrapText="1"/>
    </xf>
    <xf numFmtId="0" fontId="9" fillId="0" borderId="3" xfId="0" applyFont="1" applyFill="1" applyBorder="1" applyAlignment="1">
      <alignment horizontal="center" vertical="center" wrapText="1"/>
    </xf>
    <xf numFmtId="0" fontId="9" fillId="0" borderId="4" xfId="0" applyFont="1" applyFill="1" applyBorder="1" applyAlignment="1">
      <alignment horizontal="center" vertical="center" wrapText="1"/>
    </xf>
    <xf numFmtId="0" fontId="9" fillId="0" borderId="15" xfId="0" applyFont="1" applyFill="1" applyBorder="1" applyAlignment="1">
      <alignment horizontal="center" vertical="center" wrapText="1"/>
    </xf>
    <xf numFmtId="0" fontId="9" fillId="0" borderId="0" xfId="0" applyFont="1" applyFill="1" applyBorder="1" applyAlignment="1">
      <alignment horizontal="center" vertical="center" wrapText="1"/>
    </xf>
    <xf numFmtId="0" fontId="9" fillId="0" borderId="6" xfId="0" applyFont="1" applyFill="1" applyBorder="1" applyAlignment="1">
      <alignment horizontal="center" vertical="center" wrapText="1"/>
    </xf>
    <xf numFmtId="0" fontId="9" fillId="0" borderId="3" xfId="0" applyFont="1" applyFill="1" applyBorder="1" applyAlignment="1">
      <alignment horizontal="left" vertical="center" wrapText="1"/>
    </xf>
    <xf numFmtId="0" fontId="9" fillId="0" borderId="63" xfId="0" applyFont="1" applyFill="1" applyBorder="1" applyAlignment="1">
      <alignment horizontal="center" wrapText="1"/>
    </xf>
    <xf numFmtId="0" fontId="9" fillId="0" borderId="64" xfId="0" applyFont="1" applyFill="1" applyBorder="1" applyAlignment="1">
      <alignment horizontal="center" wrapText="1"/>
    </xf>
    <xf numFmtId="0" fontId="9" fillId="0" borderId="65" xfId="0" applyFont="1" applyFill="1" applyBorder="1" applyAlignment="1">
      <alignment horizontal="center" wrapText="1"/>
    </xf>
    <xf numFmtId="0" fontId="9" fillId="0" borderId="54" xfId="0" applyFont="1" applyFill="1" applyBorder="1" applyAlignment="1">
      <alignment horizontal="center" wrapText="1"/>
    </xf>
    <xf numFmtId="0" fontId="9" fillId="0" borderId="0" xfId="0" applyFont="1" applyFill="1" applyBorder="1" applyAlignment="1">
      <alignment horizontal="center" wrapText="1"/>
    </xf>
    <xf numFmtId="0" fontId="9" fillId="0" borderId="6" xfId="0" applyFont="1" applyFill="1" applyBorder="1" applyAlignment="1">
      <alignment horizontal="center" wrapText="1"/>
    </xf>
    <xf numFmtId="0" fontId="9" fillId="0" borderId="37" xfId="0" applyFont="1" applyFill="1" applyBorder="1" applyAlignment="1">
      <alignment horizontal="center" vertical="center" wrapText="1"/>
    </xf>
    <xf numFmtId="0" fontId="9" fillId="0" borderId="29" xfId="0" applyFont="1" applyFill="1" applyBorder="1" applyAlignment="1">
      <alignment horizontal="center" vertical="center"/>
    </xf>
    <xf numFmtId="0" fontId="9" fillId="0" borderId="46" xfId="0" applyFont="1" applyFill="1" applyBorder="1" applyAlignment="1">
      <alignment horizontal="center" vertical="center"/>
    </xf>
    <xf numFmtId="0" fontId="9" fillId="0" borderId="49" xfId="0" applyFont="1" applyFill="1" applyBorder="1" applyAlignment="1">
      <alignment horizontal="center" vertical="center"/>
    </xf>
    <xf numFmtId="0" fontId="9" fillId="0" borderId="50" xfId="0" applyFont="1" applyFill="1" applyBorder="1" applyAlignment="1">
      <alignment horizontal="center" vertical="center"/>
    </xf>
    <xf numFmtId="0" fontId="9" fillId="0" borderId="43" xfId="0" applyFont="1" applyFill="1" applyBorder="1" applyAlignment="1">
      <alignment horizontal="center" vertical="center"/>
    </xf>
    <xf numFmtId="0" fontId="9" fillId="0" borderId="44" xfId="0" applyFont="1" applyFill="1" applyBorder="1" applyAlignment="1">
      <alignment horizontal="center" vertical="center"/>
    </xf>
    <xf numFmtId="0" fontId="9" fillId="0" borderId="15" xfId="0" applyFont="1" applyFill="1" applyBorder="1" applyAlignment="1">
      <alignment horizontal="left" vertical="center" wrapText="1" indent="1"/>
    </xf>
    <xf numFmtId="0" fontId="9" fillId="0" borderId="0" xfId="0" applyFont="1" applyFill="1" applyBorder="1" applyAlignment="1">
      <alignment horizontal="left" vertical="center" wrapText="1" indent="1"/>
    </xf>
    <xf numFmtId="0" fontId="9" fillId="0" borderId="10" xfId="0" applyFont="1" applyFill="1" applyBorder="1" applyAlignment="1">
      <alignment horizontal="left" vertical="center" wrapText="1" indent="1"/>
    </xf>
    <xf numFmtId="0" fontId="9" fillId="0" borderId="8" xfId="0" applyFont="1" applyFill="1" applyBorder="1" applyAlignment="1">
      <alignment horizontal="left" vertical="center" wrapText="1" indent="1"/>
    </xf>
    <xf numFmtId="0" fontId="5" fillId="0" borderId="0" xfId="0" applyFont="1" applyFill="1" applyBorder="1" applyAlignment="1">
      <alignment horizontal="center" vertical="top" textRotation="255"/>
    </xf>
    <xf numFmtId="0" fontId="9" fillId="0" borderId="5" xfId="0" applyFont="1" applyFill="1" applyBorder="1" applyAlignment="1">
      <alignment horizontal="left" vertical="center"/>
    </xf>
    <xf numFmtId="0" fontId="9" fillId="0" borderId="0" xfId="0" applyFont="1" applyFill="1" applyBorder="1" applyAlignment="1">
      <alignment horizontal="left" vertical="center"/>
    </xf>
    <xf numFmtId="0" fontId="14" fillId="0" borderId="0" xfId="0" applyFont="1" applyFill="1" applyBorder="1" applyAlignment="1">
      <alignment horizontal="left" vertical="center"/>
    </xf>
    <xf numFmtId="0" fontId="14" fillId="0" borderId="0" xfId="0" applyFont="1" applyFill="1" applyBorder="1" applyAlignment="1">
      <alignment horizontal="distributed"/>
    </xf>
    <xf numFmtId="0" fontId="8" fillId="0" borderId="12" xfId="0" applyFont="1" applyFill="1" applyBorder="1" applyAlignment="1">
      <alignment horizontal="center" vertical="center"/>
    </xf>
    <xf numFmtId="0" fontId="8" fillId="0" borderId="16" xfId="0" applyFont="1" applyFill="1" applyBorder="1" applyAlignment="1">
      <alignment horizontal="center" vertical="center"/>
    </xf>
    <xf numFmtId="0" fontId="8" fillId="0" borderId="8" xfId="0" applyFont="1" applyFill="1" applyBorder="1" applyAlignment="1">
      <alignment horizontal="center" vertical="center"/>
    </xf>
    <xf numFmtId="0" fontId="8" fillId="0" borderId="9" xfId="0" applyFont="1" applyFill="1" applyBorder="1" applyAlignment="1">
      <alignment horizontal="center" vertical="center"/>
    </xf>
    <xf numFmtId="0" fontId="9" fillId="0" borderId="15" xfId="0" applyFont="1" applyFill="1" applyBorder="1" applyAlignment="1">
      <alignment horizontal="center"/>
    </xf>
    <xf numFmtId="0" fontId="9" fillId="0" borderId="0" xfId="0" applyFont="1" applyFill="1" applyBorder="1" applyAlignment="1">
      <alignment horizontal="center"/>
    </xf>
    <xf numFmtId="0" fontId="9" fillId="0" borderId="6" xfId="0" applyFont="1" applyFill="1" applyBorder="1" applyAlignment="1">
      <alignment horizontal="center"/>
    </xf>
    <xf numFmtId="0" fontId="24" fillId="0" borderId="40" xfId="0" applyFont="1" applyFill="1" applyBorder="1" applyAlignment="1">
      <alignment horizontal="right"/>
    </xf>
    <xf numFmtId="0" fontId="24" fillId="0" borderId="36" xfId="0" applyFont="1" applyFill="1" applyBorder="1" applyAlignment="1">
      <alignment horizontal="right"/>
    </xf>
    <xf numFmtId="0" fontId="24" fillId="0" borderId="8" xfId="0" applyFont="1" applyFill="1" applyBorder="1" applyAlignment="1">
      <alignment horizontal="right"/>
    </xf>
    <xf numFmtId="0" fontId="24" fillId="0" borderId="9" xfId="0" applyFont="1" applyFill="1" applyBorder="1" applyAlignment="1">
      <alignment horizontal="right"/>
    </xf>
    <xf numFmtId="38" fontId="10" fillId="0" borderId="45" xfId="1" applyFont="1" applyFill="1" applyBorder="1" applyAlignment="1">
      <alignment horizontal="center"/>
    </xf>
    <xf numFmtId="38" fontId="10" fillId="0" borderId="40" xfId="1" applyFont="1" applyFill="1" applyBorder="1" applyAlignment="1">
      <alignment horizontal="center"/>
    </xf>
    <xf numFmtId="38" fontId="10" fillId="0" borderId="10" xfId="1" applyFont="1" applyFill="1" applyBorder="1" applyAlignment="1">
      <alignment horizontal="center"/>
    </xf>
    <xf numFmtId="38" fontId="10" fillId="0" borderId="8" xfId="1" applyFont="1" applyFill="1" applyBorder="1" applyAlignment="1">
      <alignment horizontal="center"/>
    </xf>
    <xf numFmtId="49" fontId="8" fillId="0" borderId="12" xfId="0" applyNumberFormat="1" applyFont="1" applyFill="1" applyBorder="1" applyAlignment="1">
      <alignment horizontal="center" vertical="center"/>
    </xf>
    <xf numFmtId="49" fontId="8" fillId="0" borderId="16" xfId="0" applyNumberFormat="1" applyFont="1" applyFill="1" applyBorder="1" applyAlignment="1">
      <alignment horizontal="center" vertical="center"/>
    </xf>
    <xf numFmtId="49" fontId="8" fillId="0" borderId="8" xfId="0" applyNumberFormat="1" applyFont="1" applyFill="1" applyBorder="1" applyAlignment="1">
      <alignment horizontal="center" vertical="center"/>
    </xf>
    <xf numFmtId="49" fontId="8" fillId="0" borderId="9" xfId="0" applyNumberFormat="1" applyFont="1" applyFill="1" applyBorder="1" applyAlignment="1">
      <alignment horizontal="center" vertical="center"/>
    </xf>
    <xf numFmtId="0" fontId="9" fillId="0" borderId="2" xfId="0" applyFont="1" applyFill="1" applyBorder="1" applyAlignment="1">
      <alignment horizontal="center" vertical="center"/>
    </xf>
    <xf numFmtId="0" fontId="9" fillId="0" borderId="4" xfId="0" applyFont="1" applyFill="1" applyBorder="1" applyAlignment="1">
      <alignment horizontal="center" vertical="center"/>
    </xf>
    <xf numFmtId="49" fontId="9" fillId="0" borderId="26" xfId="0" applyNumberFormat="1" applyFont="1" applyFill="1" applyBorder="1" applyAlignment="1">
      <alignment horizontal="center" vertical="center"/>
    </xf>
    <xf numFmtId="49" fontId="9" fillId="0" borderId="12" xfId="0" applyNumberFormat="1" applyFont="1" applyFill="1" applyBorder="1" applyAlignment="1">
      <alignment horizontal="center" vertical="center"/>
    </xf>
    <xf numFmtId="49" fontId="9" fillId="0" borderId="16" xfId="0" applyNumberFormat="1" applyFont="1" applyFill="1" applyBorder="1" applyAlignment="1">
      <alignment horizontal="center" vertical="center"/>
    </xf>
    <xf numFmtId="49" fontId="9" fillId="0" borderId="10" xfId="0" applyNumberFormat="1" applyFont="1" applyFill="1" applyBorder="1" applyAlignment="1">
      <alignment horizontal="center" vertical="center"/>
    </xf>
    <xf numFmtId="49" fontId="9" fillId="0" borderId="8" xfId="0" applyNumberFormat="1" applyFont="1" applyFill="1" applyBorder="1" applyAlignment="1">
      <alignment horizontal="center" vertical="center"/>
    </xf>
    <xf numFmtId="49" fontId="9" fillId="0" borderId="9" xfId="0" applyNumberFormat="1" applyFont="1" applyFill="1" applyBorder="1" applyAlignment="1">
      <alignment horizontal="center" vertical="center"/>
    </xf>
    <xf numFmtId="38" fontId="10" fillId="0" borderId="10" xfId="1" applyFont="1" applyFill="1" applyBorder="1" applyAlignment="1">
      <alignment horizontal="right" vertical="center" indent="1"/>
    </xf>
    <xf numFmtId="38" fontId="10" fillId="0" borderId="8" xfId="1" applyFont="1" applyFill="1" applyBorder="1" applyAlignment="1">
      <alignment horizontal="right" vertical="center" indent="1"/>
    </xf>
    <xf numFmtId="38" fontId="10" fillId="0" borderId="9" xfId="1" applyFont="1" applyFill="1" applyBorder="1" applyAlignment="1">
      <alignment horizontal="right" vertical="center" indent="1"/>
    </xf>
    <xf numFmtId="0" fontId="9" fillId="0" borderId="22" xfId="0" applyFont="1" applyFill="1" applyBorder="1" applyAlignment="1">
      <alignment horizontal="center" vertical="center"/>
    </xf>
    <xf numFmtId="0" fontId="9" fillId="0" borderId="1" xfId="0" applyFont="1" applyFill="1" applyBorder="1" applyAlignment="1">
      <alignment horizontal="center"/>
    </xf>
    <xf numFmtId="0" fontId="9" fillId="0" borderId="30" xfId="0" applyFont="1" applyFill="1" applyBorder="1" applyAlignment="1">
      <alignment horizontal="center"/>
    </xf>
    <xf numFmtId="0" fontId="9" fillId="0" borderId="26" xfId="0" applyFont="1" applyFill="1" applyBorder="1" applyAlignment="1">
      <alignment horizontal="left" vertical="distributed"/>
    </xf>
    <xf numFmtId="0" fontId="9" fillId="0" borderId="12" xfId="0" applyFont="1" applyFill="1" applyBorder="1" applyAlignment="1">
      <alignment horizontal="left" vertical="distributed"/>
    </xf>
    <xf numFmtId="0" fontId="9" fillId="0" borderId="16" xfId="0" applyFont="1" applyFill="1" applyBorder="1" applyAlignment="1">
      <alignment horizontal="left" vertical="distributed"/>
    </xf>
    <xf numFmtId="0" fontId="9" fillId="0" borderId="9" xfId="0" applyFont="1" applyFill="1" applyBorder="1" applyAlignment="1">
      <alignment horizontal="left" vertical="distributed"/>
    </xf>
    <xf numFmtId="0" fontId="11" fillId="0" borderId="31" xfId="0" applyFont="1" applyFill="1" applyBorder="1" applyAlignment="1">
      <alignment horizontal="center" vertical="distributed"/>
    </xf>
    <xf numFmtId="0" fontId="11" fillId="0" borderId="37" xfId="0" applyFont="1" applyFill="1" applyBorder="1" applyAlignment="1">
      <alignment horizontal="center" vertical="distributed"/>
    </xf>
    <xf numFmtId="38" fontId="10" fillId="0" borderId="25" xfId="1" applyFont="1" applyFill="1" applyBorder="1" applyAlignment="1">
      <alignment horizontal="right" vertical="center" indent="1"/>
    </xf>
    <xf numFmtId="38" fontId="10" fillId="0" borderId="11" xfId="1" applyFont="1" applyFill="1" applyBorder="1" applyAlignment="1">
      <alignment horizontal="right" vertical="center" indent="1"/>
    </xf>
    <xf numFmtId="38" fontId="10" fillId="0" borderId="23" xfId="1" applyFont="1" applyFill="1" applyBorder="1" applyAlignment="1">
      <alignment horizontal="right" vertical="center" indent="1"/>
    </xf>
    <xf numFmtId="0" fontId="11" fillId="0" borderId="5" xfId="0" applyFont="1" applyFill="1" applyBorder="1" applyAlignment="1">
      <alignment horizontal="center" vertical="distributed"/>
    </xf>
    <xf numFmtId="0" fontId="11" fillId="0" borderId="6" xfId="0" applyFont="1" applyFill="1" applyBorder="1" applyAlignment="1">
      <alignment horizontal="center" vertical="distributed"/>
    </xf>
    <xf numFmtId="0" fontId="9" fillId="0" borderId="25" xfId="0" applyFont="1" applyFill="1" applyBorder="1" applyAlignment="1">
      <alignment horizontal="left" vertical="distributed"/>
    </xf>
    <xf numFmtId="0" fontId="9" fillId="0" borderId="32" xfId="0" applyFont="1" applyFill="1" applyBorder="1" applyAlignment="1">
      <alignment horizontal="left" vertical="distributed"/>
    </xf>
    <xf numFmtId="0" fontId="9" fillId="0" borderId="33" xfId="0" applyFont="1" applyFill="1" applyBorder="1" applyAlignment="1">
      <alignment horizontal="left" vertical="distributed"/>
    </xf>
    <xf numFmtId="0" fontId="9" fillId="0" borderId="34" xfId="0" applyFont="1" applyFill="1" applyBorder="1" applyAlignment="1">
      <alignment horizontal="left" vertical="distributed"/>
    </xf>
    <xf numFmtId="49" fontId="9" fillId="0" borderId="27" xfId="0" applyNumberFormat="1" applyFont="1" applyFill="1" applyBorder="1" applyAlignment="1">
      <alignment horizontal="center" vertical="center"/>
    </xf>
    <xf numFmtId="49" fontId="9" fillId="0" borderId="1" xfId="0" applyNumberFormat="1" applyFont="1" applyFill="1" applyBorder="1" applyAlignment="1">
      <alignment horizontal="center" vertical="center"/>
    </xf>
    <xf numFmtId="49" fontId="9" fillId="0" borderId="30" xfId="0" applyNumberFormat="1" applyFont="1" applyFill="1" applyBorder="1" applyAlignment="1">
      <alignment horizontal="center" vertical="center"/>
    </xf>
    <xf numFmtId="0" fontId="8" fillId="0" borderId="26" xfId="0" applyFont="1" applyFill="1" applyBorder="1" applyAlignment="1">
      <alignment horizontal="left" vertical="center" wrapText="1"/>
    </xf>
    <xf numFmtId="0" fontId="8" fillId="0" borderId="12" xfId="0" applyFont="1" applyFill="1" applyBorder="1" applyAlignment="1">
      <alignment horizontal="left" vertical="center" wrapText="1"/>
    </xf>
    <xf numFmtId="0" fontId="8" fillId="0" borderId="72" xfId="0" applyFont="1" applyFill="1" applyBorder="1" applyAlignment="1">
      <alignment horizontal="left" vertical="center" wrapText="1"/>
    </xf>
    <xf numFmtId="0" fontId="8" fillId="0" borderId="10" xfId="0" applyFont="1" applyFill="1" applyBorder="1" applyAlignment="1">
      <alignment horizontal="left" vertical="center" wrapText="1"/>
    </xf>
    <xf numFmtId="0" fontId="8" fillId="0" borderId="8" xfId="0" applyFont="1" applyFill="1" applyBorder="1" applyAlignment="1">
      <alignment horizontal="left" vertical="center" wrapText="1"/>
    </xf>
    <xf numFmtId="0" fontId="8" fillId="0" borderId="71" xfId="0" applyFont="1" applyFill="1" applyBorder="1" applyAlignment="1">
      <alignment horizontal="left" vertical="center" wrapText="1"/>
    </xf>
    <xf numFmtId="0" fontId="9" fillId="0" borderId="9" xfId="0" applyFont="1" applyFill="1" applyBorder="1" applyAlignment="1">
      <alignment horizontal="left" vertical="center" wrapText="1" indent="1"/>
    </xf>
    <xf numFmtId="0" fontId="30" fillId="0" borderId="24" xfId="0" applyFont="1" applyFill="1" applyBorder="1" applyAlignment="1">
      <alignment horizontal="center" vertical="center"/>
    </xf>
    <xf numFmtId="0" fontId="30" fillId="0" borderId="12" xfId="0" applyFont="1" applyFill="1" applyBorder="1" applyAlignment="1">
      <alignment horizontal="center" vertical="center"/>
    </xf>
    <xf numFmtId="0" fontId="30" fillId="0" borderId="25" xfId="0" applyFont="1" applyFill="1" applyBorder="1" applyAlignment="1">
      <alignment horizontal="center" vertical="center"/>
    </xf>
    <xf numFmtId="0" fontId="30" fillId="0" borderId="7" xfId="0" applyFont="1" applyFill="1" applyBorder="1" applyAlignment="1">
      <alignment horizontal="center" vertical="center"/>
    </xf>
    <xf numFmtId="0" fontId="30" fillId="0" borderId="8" xfId="0" applyFont="1" applyFill="1" applyBorder="1" applyAlignment="1">
      <alignment horizontal="center" vertical="center"/>
    </xf>
    <xf numFmtId="0" fontId="30" fillId="0" borderId="13" xfId="0" applyFont="1" applyFill="1" applyBorder="1" applyAlignment="1">
      <alignment horizontal="center" vertical="center"/>
    </xf>
    <xf numFmtId="0" fontId="19" fillId="0" borderId="64" xfId="0" applyFont="1" applyFill="1" applyBorder="1" applyAlignment="1">
      <alignment horizontal="center" vertical="center" wrapText="1"/>
    </xf>
    <xf numFmtId="0" fontId="19" fillId="0" borderId="69"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19" fillId="0" borderId="70"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71" xfId="0" applyFont="1" applyFill="1" applyBorder="1" applyAlignment="1">
      <alignment horizontal="center" vertical="center" wrapText="1"/>
    </xf>
    <xf numFmtId="0" fontId="8" fillId="0" borderId="12" xfId="0" applyFont="1" applyFill="1" applyBorder="1" applyAlignment="1">
      <alignment horizontal="center" vertical="center" wrapText="1"/>
    </xf>
    <xf numFmtId="0" fontId="8" fillId="0" borderId="0" xfId="0" applyFont="1" applyFill="1" applyBorder="1" applyAlignment="1">
      <alignment horizontal="center" vertical="center" wrapText="1"/>
    </xf>
    <xf numFmtId="0" fontId="8" fillId="0" borderId="8" xfId="0" applyFont="1" applyFill="1" applyBorder="1" applyAlignment="1">
      <alignment horizontal="center" vertical="center" wrapText="1"/>
    </xf>
    <xf numFmtId="0" fontId="9" fillId="0" borderId="0" xfId="0" applyFont="1" applyFill="1" applyBorder="1" applyAlignment="1">
      <alignment horizontal="right"/>
    </xf>
    <xf numFmtId="0" fontId="23" fillId="0" borderId="26" xfId="0" applyFont="1" applyFill="1" applyBorder="1" applyAlignment="1">
      <alignment horizontal="center" vertical="center" wrapText="1" shrinkToFit="1"/>
    </xf>
    <xf numFmtId="0" fontId="23" fillId="0" borderId="12" xfId="0" applyFont="1" applyFill="1" applyBorder="1" applyAlignment="1">
      <alignment horizontal="center" vertical="center" wrapText="1" shrinkToFit="1"/>
    </xf>
    <xf numFmtId="0" fontId="23" fillId="0" borderId="72" xfId="0" applyFont="1" applyFill="1" applyBorder="1" applyAlignment="1">
      <alignment horizontal="center" vertical="center" wrapText="1" shrinkToFit="1"/>
    </xf>
    <xf numFmtId="0" fontId="23" fillId="0" borderId="15" xfId="0" applyFont="1" applyFill="1" applyBorder="1" applyAlignment="1">
      <alignment horizontal="center" vertical="center" wrapText="1" shrinkToFit="1"/>
    </xf>
    <xf numFmtId="0" fontId="23" fillId="0" borderId="0" xfId="0" applyFont="1" applyFill="1" applyBorder="1" applyAlignment="1">
      <alignment horizontal="center" vertical="center" wrapText="1" shrinkToFit="1"/>
    </xf>
    <xf numFmtId="0" fontId="23" fillId="0" borderId="70" xfId="0" applyFont="1" applyFill="1" applyBorder="1" applyAlignment="1">
      <alignment horizontal="center" vertical="center" wrapText="1" shrinkToFit="1"/>
    </xf>
    <xf numFmtId="0" fontId="23" fillId="0" borderId="10" xfId="0" applyFont="1" applyFill="1" applyBorder="1" applyAlignment="1">
      <alignment horizontal="center" vertical="center" wrapText="1" shrinkToFit="1"/>
    </xf>
    <xf numFmtId="0" fontId="23" fillId="0" borderId="8" xfId="0" applyFont="1" applyFill="1" applyBorder="1" applyAlignment="1">
      <alignment horizontal="center" vertical="center" wrapText="1" shrinkToFit="1"/>
    </xf>
    <xf numFmtId="0" fontId="23" fillId="0" borderId="71" xfId="0" applyFont="1" applyFill="1" applyBorder="1" applyAlignment="1">
      <alignment horizontal="center" vertical="center" wrapText="1" shrinkToFit="1"/>
    </xf>
    <xf numFmtId="0" fontId="22" fillId="0" borderId="5" xfId="0" applyFont="1" applyFill="1" applyBorder="1" applyAlignment="1">
      <alignment horizontal="center" vertical="center"/>
    </xf>
    <xf numFmtId="0" fontId="22" fillId="0" borderId="0" xfId="0" applyFont="1" applyFill="1" applyBorder="1" applyAlignment="1">
      <alignment horizontal="center" vertical="center"/>
    </xf>
    <xf numFmtId="0" fontId="9" fillId="0" borderId="47" xfId="0" applyFont="1" applyFill="1" applyBorder="1" applyAlignment="1">
      <alignment horizontal="center" vertical="distributed"/>
    </xf>
    <xf numFmtId="0" fontId="9" fillId="0" borderId="48" xfId="0" applyFont="1" applyFill="1" applyBorder="1" applyAlignment="1">
      <alignment horizontal="center" vertical="distributed"/>
    </xf>
    <xf numFmtId="0" fontId="10" fillId="0" borderId="77" xfId="0" applyFont="1" applyFill="1" applyBorder="1" applyAlignment="1">
      <alignment horizontal="center" vertical="center"/>
    </xf>
    <xf numFmtId="0" fontId="11" fillId="0" borderId="22" xfId="0" applyFont="1" applyFill="1" applyBorder="1" applyAlignment="1">
      <alignment horizontal="center" vertical="distributed"/>
    </xf>
    <xf numFmtId="0" fontId="11" fillId="0" borderId="30" xfId="0" applyFont="1" applyFill="1" applyBorder="1" applyAlignment="1">
      <alignment horizontal="center" vertical="distributed"/>
    </xf>
    <xf numFmtId="0" fontId="7" fillId="0" borderId="0" xfId="0" applyFont="1" applyFill="1" applyBorder="1" applyAlignment="1">
      <alignment horizontal="left" vertical="center"/>
    </xf>
    <xf numFmtId="0" fontId="8" fillId="0" borderId="27" xfId="0" applyFont="1" applyFill="1" applyBorder="1" applyAlignment="1">
      <alignment horizontal="left" vertical="center" wrapText="1"/>
    </xf>
    <xf numFmtId="0" fontId="8" fillId="0" borderId="1" xfId="0" applyFont="1" applyFill="1" applyBorder="1" applyAlignment="1">
      <alignment horizontal="left" vertical="center" wrapText="1"/>
    </xf>
    <xf numFmtId="0" fontId="8" fillId="0" borderId="73" xfId="0" applyFont="1" applyFill="1" applyBorder="1" applyAlignment="1">
      <alignment horizontal="left" vertical="center" wrapText="1"/>
    </xf>
    <xf numFmtId="0" fontId="9" fillId="0" borderId="74" xfId="0" applyFont="1" applyFill="1" applyBorder="1" applyAlignment="1">
      <alignment horizontal="center"/>
    </xf>
    <xf numFmtId="0" fontId="8" fillId="0" borderId="26" xfId="0" applyFont="1" applyFill="1" applyBorder="1" applyAlignment="1">
      <alignment horizontal="center"/>
    </xf>
    <xf numFmtId="0" fontId="8" fillId="0" borderId="12" xfId="0" applyFont="1" applyFill="1" applyBorder="1" applyAlignment="1">
      <alignment horizontal="center"/>
    </xf>
    <xf numFmtId="0" fontId="8" fillId="0" borderId="72" xfId="0" applyFont="1" applyFill="1" applyBorder="1" applyAlignment="1">
      <alignment horizontal="center"/>
    </xf>
    <xf numFmtId="0" fontId="8" fillId="0" borderId="10" xfId="0" applyFont="1" applyFill="1" applyBorder="1" applyAlignment="1">
      <alignment horizontal="center"/>
    </xf>
    <xf numFmtId="0" fontId="8" fillId="0" borderId="71" xfId="0" applyFont="1" applyFill="1" applyBorder="1" applyAlignment="1">
      <alignment horizontal="center"/>
    </xf>
    <xf numFmtId="0" fontId="10" fillId="0" borderId="26" xfId="0" applyFont="1" applyFill="1" applyBorder="1" applyAlignment="1">
      <alignment horizontal="center" vertical="center"/>
    </xf>
    <xf numFmtId="0" fontId="10" fillId="0" borderId="72" xfId="0" applyFont="1" applyFill="1" applyBorder="1" applyAlignment="1">
      <alignment horizontal="center" vertical="center"/>
    </xf>
    <xf numFmtId="0" fontId="10" fillId="0" borderId="15" xfId="0" applyFont="1" applyFill="1" applyBorder="1" applyAlignment="1">
      <alignment horizontal="center" vertical="center"/>
    </xf>
    <xf numFmtId="0" fontId="10" fillId="0" borderId="70" xfId="0" applyFont="1" applyFill="1" applyBorder="1" applyAlignment="1">
      <alignment horizontal="center" vertical="center"/>
    </xf>
    <xf numFmtId="0" fontId="10" fillId="0" borderId="10" xfId="0" applyFont="1" applyFill="1" applyBorder="1" applyAlignment="1">
      <alignment horizontal="center" vertical="center"/>
    </xf>
    <xf numFmtId="0" fontId="10" fillId="0" borderId="71" xfId="0" applyFont="1" applyFill="1" applyBorder="1" applyAlignment="1">
      <alignment horizontal="center" vertical="center"/>
    </xf>
    <xf numFmtId="0" fontId="9" fillId="0" borderId="79" xfId="0" applyFont="1" applyFill="1" applyBorder="1" applyAlignment="1">
      <alignment horizontal="center" vertical="center" wrapText="1"/>
    </xf>
    <xf numFmtId="0" fontId="9" fillId="0" borderId="40" xfId="0" applyFont="1" applyFill="1" applyBorder="1" applyAlignment="1">
      <alignment horizontal="center" vertical="center" wrapText="1"/>
    </xf>
    <xf numFmtId="0" fontId="9" fillId="0" borderId="80" xfId="0" applyFont="1" applyFill="1" applyBorder="1" applyAlignment="1">
      <alignment horizontal="center" vertical="center" wrapText="1"/>
    </xf>
    <xf numFmtId="0" fontId="9" fillId="0" borderId="81" xfId="0" applyFont="1" applyFill="1" applyBorder="1" applyAlignment="1">
      <alignment horizontal="center" vertical="center" wrapText="1"/>
    </xf>
    <xf numFmtId="0" fontId="9" fillId="0" borderId="82" xfId="0" applyFont="1" applyFill="1" applyBorder="1" applyAlignment="1">
      <alignment horizontal="center" vertical="center" wrapText="1"/>
    </xf>
    <xf numFmtId="0" fontId="9" fillId="0" borderId="83" xfId="0" applyFont="1" applyFill="1" applyBorder="1" applyAlignment="1">
      <alignment horizontal="center" vertical="center" wrapText="1"/>
    </xf>
    <xf numFmtId="0" fontId="9" fillId="0" borderId="68" xfId="0" applyFont="1" applyFill="1" applyBorder="1" applyAlignment="1">
      <alignment horizontal="center" vertical="center" wrapText="1"/>
    </xf>
    <xf numFmtId="0" fontId="9" fillId="0" borderId="84" xfId="0" applyFont="1" applyFill="1" applyBorder="1" applyAlignment="1">
      <alignment horizontal="center" vertical="center" wrapText="1"/>
    </xf>
    <xf numFmtId="0" fontId="10" fillId="0" borderId="45" xfId="0" applyFont="1" applyFill="1" applyBorder="1" applyAlignment="1">
      <alignment horizontal="center"/>
    </xf>
    <xf numFmtId="0" fontId="10" fillId="0" borderId="40" xfId="0" applyFont="1" applyFill="1" applyBorder="1" applyAlignment="1">
      <alignment horizontal="center"/>
    </xf>
    <xf numFmtId="0" fontId="10" fillId="0" borderId="10" xfId="0" applyFont="1" applyFill="1" applyBorder="1" applyAlignment="1">
      <alignment horizontal="center"/>
    </xf>
    <xf numFmtId="0" fontId="10" fillId="0" borderId="8" xfId="0" applyFont="1" applyFill="1" applyBorder="1" applyAlignment="1">
      <alignment horizontal="center"/>
    </xf>
    <xf numFmtId="38" fontId="10" fillId="0" borderId="26" xfId="1" applyFont="1" applyFill="1" applyBorder="1" applyAlignment="1">
      <alignment horizontal="right" vertical="top"/>
    </xf>
    <xf numFmtId="38" fontId="10" fillId="0" borderId="12" xfId="1" applyFont="1" applyFill="1" applyBorder="1" applyAlignment="1">
      <alignment horizontal="right" vertical="top"/>
    </xf>
    <xf numFmtId="38" fontId="10" fillId="0" borderId="16" xfId="1" applyFont="1" applyFill="1" applyBorder="1" applyAlignment="1">
      <alignment horizontal="right" vertical="top"/>
    </xf>
    <xf numFmtId="38" fontId="10" fillId="0" borderId="15" xfId="1" applyFont="1" applyFill="1" applyBorder="1" applyAlignment="1">
      <alignment horizontal="right" vertical="top"/>
    </xf>
    <xf numFmtId="38" fontId="10" fillId="0" borderId="0" xfId="1" applyFont="1" applyFill="1" applyBorder="1" applyAlignment="1">
      <alignment horizontal="right" vertical="top"/>
    </xf>
    <xf numFmtId="38" fontId="10" fillId="0" borderId="6" xfId="1" applyFont="1" applyFill="1" applyBorder="1" applyAlignment="1">
      <alignment horizontal="right" vertical="top"/>
    </xf>
    <xf numFmtId="38" fontId="10" fillId="0" borderId="27" xfId="1" applyFont="1" applyFill="1" applyBorder="1" applyAlignment="1">
      <alignment horizontal="right" vertical="top"/>
    </xf>
    <xf numFmtId="38" fontId="10" fillId="0" borderId="1" xfId="1" applyFont="1" applyFill="1" applyBorder="1" applyAlignment="1">
      <alignment horizontal="right" vertical="top"/>
    </xf>
    <xf numFmtId="38" fontId="10" fillId="0" borderId="30" xfId="1" applyFont="1" applyFill="1" applyBorder="1" applyAlignment="1">
      <alignment horizontal="right" vertical="top"/>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2</xdr:col>
      <xdr:colOff>114300</xdr:colOff>
      <xdr:row>23</xdr:row>
      <xdr:rowOff>0</xdr:rowOff>
    </xdr:from>
    <xdr:to>
      <xdr:col>52</xdr:col>
      <xdr:colOff>114300</xdr:colOff>
      <xdr:row>24</xdr:row>
      <xdr:rowOff>142875</xdr:rowOff>
    </xdr:to>
    <xdr:sp macro="" textlink="">
      <xdr:nvSpPr>
        <xdr:cNvPr id="2" name="大かっこ 1">
          <a:extLst>
            <a:ext uri="{FF2B5EF4-FFF2-40B4-BE49-F238E27FC236}">
              <a16:creationId xmlns:a16="http://schemas.microsoft.com/office/drawing/2014/main" id="{00000000-0008-0000-0000-000002000000}"/>
            </a:ext>
          </a:extLst>
        </xdr:cNvPr>
        <xdr:cNvSpPr/>
      </xdr:nvSpPr>
      <xdr:spPr>
        <a:xfrm>
          <a:off x="11506200" y="3533775"/>
          <a:ext cx="1924050" cy="295275"/>
        </a:xfrm>
        <a:prstGeom prst="bracketPair">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28</xdr:col>
      <xdr:colOff>19050</xdr:colOff>
      <xdr:row>33</xdr:row>
      <xdr:rowOff>133350</xdr:rowOff>
    </xdr:from>
    <xdr:to>
      <xdr:col>30</xdr:col>
      <xdr:colOff>19050</xdr:colOff>
      <xdr:row>35</xdr:row>
      <xdr:rowOff>47625</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7972425" y="5343525"/>
          <a:ext cx="457200" cy="2952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100">
              <a:latin typeface="ＭＳ Ｐ明朝" pitchFamily="18" charset="-128"/>
              <a:ea typeface="ＭＳ Ｐ明朝" pitchFamily="18" charset="-128"/>
            </a:rPr>
            <a:t>円</a:t>
          </a:r>
        </a:p>
      </xdr:txBody>
    </xdr:sp>
    <xdr:clientData/>
  </xdr:twoCellAnchor>
  <xdr:twoCellAnchor>
    <xdr:from>
      <xdr:col>55</xdr:col>
      <xdr:colOff>34019</xdr:colOff>
      <xdr:row>26</xdr:row>
      <xdr:rowOff>38100</xdr:rowOff>
    </xdr:from>
    <xdr:to>
      <xdr:col>55</xdr:col>
      <xdr:colOff>39462</xdr:colOff>
      <xdr:row>27</xdr:row>
      <xdr:rowOff>142875</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13950044" y="4029075"/>
          <a:ext cx="5443"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100">
              <a:latin typeface="ＭＳ Ｐ明朝" pitchFamily="18" charset="-128"/>
              <a:ea typeface="ＭＳ Ｐ明朝" pitchFamily="18" charset="-128"/>
            </a:rPr>
            <a:t>円</a:t>
          </a:r>
        </a:p>
      </xdr:txBody>
    </xdr:sp>
    <xdr:clientData/>
  </xdr:twoCellAnchor>
  <xdr:twoCellAnchor>
    <xdr:from>
      <xdr:col>27</xdr:col>
      <xdr:colOff>66675</xdr:colOff>
      <xdr:row>17</xdr:row>
      <xdr:rowOff>104775</xdr:rowOff>
    </xdr:from>
    <xdr:to>
      <xdr:col>28</xdr:col>
      <xdr:colOff>66675</xdr:colOff>
      <xdr:row>19</xdr:row>
      <xdr:rowOff>57150</xdr:rowOff>
    </xdr:to>
    <xdr:sp macro="" textlink="">
      <xdr:nvSpPr>
        <xdr:cNvPr id="8" name="テキスト ボックス 7">
          <a:extLst>
            <a:ext uri="{FF2B5EF4-FFF2-40B4-BE49-F238E27FC236}">
              <a16:creationId xmlns:a16="http://schemas.microsoft.com/office/drawing/2014/main" id="{00000000-0008-0000-0000-000008000000}"/>
            </a:ext>
          </a:extLst>
        </xdr:cNvPr>
        <xdr:cNvSpPr txBox="1"/>
      </xdr:nvSpPr>
      <xdr:spPr>
        <a:xfrm>
          <a:off x="7705725" y="2724150"/>
          <a:ext cx="314325"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100">
              <a:latin typeface="ＭＳ Ｐ明朝" pitchFamily="18" charset="-128"/>
              <a:ea typeface="ＭＳ Ｐ明朝" pitchFamily="18" charset="-128"/>
            </a:rPr>
            <a:t>円</a:t>
          </a:r>
        </a:p>
      </xdr:txBody>
    </xdr:sp>
    <xdr:clientData/>
  </xdr:twoCellAnchor>
  <xdr:twoCellAnchor>
    <xdr:from>
      <xdr:col>24</xdr:col>
      <xdr:colOff>95250</xdr:colOff>
      <xdr:row>33</xdr:row>
      <xdr:rowOff>142875</xdr:rowOff>
    </xdr:from>
    <xdr:to>
      <xdr:col>25</xdr:col>
      <xdr:colOff>95250</xdr:colOff>
      <xdr:row>35</xdr:row>
      <xdr:rowOff>57150</xdr:rowOff>
    </xdr:to>
    <xdr:sp macro="" textlink="">
      <xdr:nvSpPr>
        <xdr:cNvPr id="9" name="テキスト ボックス 8">
          <a:extLst>
            <a:ext uri="{FF2B5EF4-FFF2-40B4-BE49-F238E27FC236}">
              <a16:creationId xmlns:a16="http://schemas.microsoft.com/office/drawing/2014/main" id="{00000000-0008-0000-0000-000009000000}"/>
            </a:ext>
          </a:extLst>
        </xdr:cNvPr>
        <xdr:cNvSpPr txBox="1"/>
      </xdr:nvSpPr>
      <xdr:spPr>
        <a:xfrm>
          <a:off x="6791325" y="5353050"/>
          <a:ext cx="314325" cy="2952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ＭＳ Ｐ明朝" pitchFamily="18" charset="-128"/>
              <a:ea typeface="ＭＳ Ｐ明朝" pitchFamily="18" charset="-128"/>
            </a:rPr>
            <a:t>円</a:t>
          </a:r>
        </a:p>
      </xdr:txBody>
    </xdr:sp>
    <xdr:clientData/>
  </xdr:twoCellAnchor>
  <xdr:twoCellAnchor>
    <xdr:from>
      <xdr:col>24</xdr:col>
      <xdr:colOff>95250</xdr:colOff>
      <xdr:row>37</xdr:row>
      <xdr:rowOff>142875</xdr:rowOff>
    </xdr:from>
    <xdr:to>
      <xdr:col>25</xdr:col>
      <xdr:colOff>95250</xdr:colOff>
      <xdr:row>39</xdr:row>
      <xdr:rowOff>76200</xdr:rowOff>
    </xdr:to>
    <xdr:sp macro="" textlink="">
      <xdr:nvSpPr>
        <xdr:cNvPr id="10" name="テキスト ボックス 9">
          <a:extLst>
            <a:ext uri="{FF2B5EF4-FFF2-40B4-BE49-F238E27FC236}">
              <a16:creationId xmlns:a16="http://schemas.microsoft.com/office/drawing/2014/main" id="{00000000-0008-0000-0000-00000A000000}"/>
            </a:ext>
          </a:extLst>
        </xdr:cNvPr>
        <xdr:cNvSpPr txBox="1"/>
      </xdr:nvSpPr>
      <xdr:spPr>
        <a:xfrm>
          <a:off x="6791325" y="6115050"/>
          <a:ext cx="314325" cy="3143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ＭＳ Ｐ明朝" pitchFamily="18" charset="-128"/>
              <a:ea typeface="ＭＳ Ｐ明朝" pitchFamily="18" charset="-128"/>
            </a:rPr>
            <a:t>円</a:t>
          </a:r>
        </a:p>
      </xdr:txBody>
    </xdr:sp>
    <xdr:clientData/>
  </xdr:twoCellAnchor>
  <xdr:twoCellAnchor>
    <xdr:from>
      <xdr:col>24</xdr:col>
      <xdr:colOff>95250</xdr:colOff>
      <xdr:row>35</xdr:row>
      <xdr:rowOff>142875</xdr:rowOff>
    </xdr:from>
    <xdr:to>
      <xdr:col>25</xdr:col>
      <xdr:colOff>95250</xdr:colOff>
      <xdr:row>37</xdr:row>
      <xdr:rowOff>57150</xdr:rowOff>
    </xdr:to>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6791325" y="5734050"/>
          <a:ext cx="314325" cy="2952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900">
              <a:latin typeface="ＭＳ Ｐ明朝" pitchFamily="18" charset="-128"/>
              <a:ea typeface="ＭＳ Ｐ明朝" pitchFamily="18" charset="-128"/>
            </a:rPr>
            <a:t>円</a:t>
          </a:r>
        </a:p>
      </xdr:txBody>
    </xdr:sp>
    <xdr:clientData/>
  </xdr:twoCellAnchor>
  <xdr:twoCellAnchor>
    <xdr:from>
      <xdr:col>42</xdr:col>
      <xdr:colOff>114300</xdr:colOff>
      <xdr:row>27</xdr:row>
      <xdr:rowOff>9526</xdr:rowOff>
    </xdr:from>
    <xdr:to>
      <xdr:col>52</xdr:col>
      <xdr:colOff>123825</xdr:colOff>
      <xdr:row>29</xdr:row>
      <xdr:rowOff>152401</xdr:rowOff>
    </xdr:to>
    <xdr:sp macro="" textlink="">
      <xdr:nvSpPr>
        <xdr:cNvPr id="12" name="大かっこ 11">
          <a:extLst>
            <a:ext uri="{FF2B5EF4-FFF2-40B4-BE49-F238E27FC236}">
              <a16:creationId xmlns:a16="http://schemas.microsoft.com/office/drawing/2014/main" id="{00000000-0008-0000-0000-00000C000000}"/>
            </a:ext>
          </a:extLst>
        </xdr:cNvPr>
        <xdr:cNvSpPr/>
      </xdr:nvSpPr>
      <xdr:spPr>
        <a:xfrm>
          <a:off x="11506200" y="4152901"/>
          <a:ext cx="1933575" cy="476250"/>
        </a:xfrm>
        <a:prstGeom prst="bracketPair">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21</xdr:col>
      <xdr:colOff>304800</xdr:colOff>
      <xdr:row>18</xdr:row>
      <xdr:rowOff>28575</xdr:rowOff>
    </xdr:from>
    <xdr:to>
      <xdr:col>24</xdr:col>
      <xdr:colOff>276225</xdr:colOff>
      <xdr:row>19</xdr:row>
      <xdr:rowOff>133350</xdr:rowOff>
    </xdr:to>
    <xdr:sp macro="" textlink="">
      <xdr:nvSpPr>
        <xdr:cNvPr id="13" name="大かっこ 12">
          <a:extLst>
            <a:ext uri="{FF2B5EF4-FFF2-40B4-BE49-F238E27FC236}">
              <a16:creationId xmlns:a16="http://schemas.microsoft.com/office/drawing/2014/main" id="{00000000-0008-0000-0000-00000D000000}"/>
            </a:ext>
          </a:extLst>
        </xdr:cNvPr>
        <xdr:cNvSpPr/>
      </xdr:nvSpPr>
      <xdr:spPr>
        <a:xfrm>
          <a:off x="6057900" y="2800350"/>
          <a:ext cx="914400" cy="257175"/>
        </a:xfrm>
        <a:prstGeom prst="bracketPair">
          <a:avLst/>
        </a:prstGeom>
        <a:noFill/>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35</xdr:col>
      <xdr:colOff>257175</xdr:colOff>
      <xdr:row>25</xdr:row>
      <xdr:rowOff>85725</xdr:rowOff>
    </xdr:from>
    <xdr:to>
      <xdr:col>38</xdr:col>
      <xdr:colOff>76200</xdr:colOff>
      <xdr:row>30</xdr:row>
      <xdr:rowOff>0</xdr:rowOff>
    </xdr:to>
    <xdr:grpSp>
      <xdr:nvGrpSpPr>
        <xdr:cNvPr id="14" name="グループ化 34">
          <a:extLst>
            <a:ext uri="{FF2B5EF4-FFF2-40B4-BE49-F238E27FC236}">
              <a16:creationId xmlns:a16="http://schemas.microsoft.com/office/drawing/2014/main" id="{00000000-0008-0000-0000-00000E000000}"/>
            </a:ext>
          </a:extLst>
        </xdr:cNvPr>
        <xdr:cNvGrpSpPr>
          <a:grpSpLocks/>
        </xdr:cNvGrpSpPr>
      </xdr:nvGrpSpPr>
      <xdr:grpSpPr bwMode="auto">
        <a:xfrm>
          <a:off x="9077325" y="3924300"/>
          <a:ext cx="447675" cy="714375"/>
          <a:chOff x="7981950" y="3962400"/>
          <a:chExt cx="476250" cy="857250"/>
        </a:xfrm>
      </xdr:grpSpPr>
      <xdr:cxnSp macro="">
        <xdr:nvCxnSpPr>
          <xdr:cNvPr id="15" name="直線矢印コネクタ 14">
            <a:extLst>
              <a:ext uri="{FF2B5EF4-FFF2-40B4-BE49-F238E27FC236}">
                <a16:creationId xmlns:a16="http://schemas.microsoft.com/office/drawing/2014/main" id="{00000000-0008-0000-0000-00000F000000}"/>
              </a:ext>
            </a:extLst>
          </xdr:cNvPr>
          <xdr:cNvCxnSpPr/>
        </xdr:nvCxnSpPr>
        <xdr:spPr>
          <a:xfrm>
            <a:off x="7992083" y="3973830"/>
            <a:ext cx="0" cy="845820"/>
          </a:xfrm>
          <a:prstGeom prst="straightConnector1">
            <a:avLst/>
          </a:prstGeom>
          <a:ln w="22225">
            <a:solidFill>
              <a:sysClr val="windowText" lastClr="000000"/>
            </a:solidFill>
            <a:tailEnd type="arrow"/>
          </a:ln>
        </xdr:spPr>
        <xdr:style>
          <a:lnRef idx="1">
            <a:schemeClr val="accent1"/>
          </a:lnRef>
          <a:fillRef idx="0">
            <a:schemeClr val="accent1"/>
          </a:fillRef>
          <a:effectRef idx="0">
            <a:schemeClr val="accent1"/>
          </a:effectRef>
          <a:fontRef idx="minor">
            <a:schemeClr val="tx1"/>
          </a:fontRef>
        </xdr:style>
      </xdr:cxnSp>
      <xdr:cxnSp macro="">
        <xdr:nvCxnSpPr>
          <xdr:cNvPr id="16" name="直線コネクタ 15">
            <a:extLst>
              <a:ext uri="{FF2B5EF4-FFF2-40B4-BE49-F238E27FC236}">
                <a16:creationId xmlns:a16="http://schemas.microsoft.com/office/drawing/2014/main" id="{00000000-0008-0000-0000-000010000000}"/>
              </a:ext>
            </a:extLst>
          </xdr:cNvPr>
          <xdr:cNvCxnSpPr/>
        </xdr:nvCxnSpPr>
        <xdr:spPr>
          <a:xfrm>
            <a:off x="7981950" y="3962400"/>
            <a:ext cx="476250" cy="0"/>
          </a:xfrm>
          <a:prstGeom prst="line">
            <a:avLst/>
          </a:prstGeom>
          <a:ln w="222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55</xdr:col>
      <xdr:colOff>38100</xdr:colOff>
      <xdr:row>20</xdr:row>
      <xdr:rowOff>28575</xdr:rowOff>
    </xdr:from>
    <xdr:to>
      <xdr:col>55</xdr:col>
      <xdr:colOff>43543</xdr:colOff>
      <xdr:row>21</xdr:row>
      <xdr:rowOff>133350</xdr:rowOff>
    </xdr:to>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13954125" y="3105150"/>
          <a:ext cx="5443"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100">
              <a:latin typeface="ＭＳ Ｐ明朝" pitchFamily="18" charset="-128"/>
              <a:ea typeface="ＭＳ Ｐ明朝" pitchFamily="18" charset="-128"/>
            </a:rPr>
            <a:t>円</a:t>
          </a:r>
        </a:p>
      </xdr:txBody>
    </xdr:sp>
    <xdr:clientData/>
  </xdr:twoCellAnchor>
  <xdr:twoCellAnchor>
    <xdr:from>
      <xdr:col>35</xdr:col>
      <xdr:colOff>30164</xdr:colOff>
      <xdr:row>48</xdr:row>
      <xdr:rowOff>34131</xdr:rowOff>
    </xdr:from>
    <xdr:to>
      <xdr:col>37</xdr:col>
      <xdr:colOff>34926</xdr:colOff>
      <xdr:row>48</xdr:row>
      <xdr:rowOff>34131</xdr:rowOff>
    </xdr:to>
    <xdr:cxnSp macro="">
      <xdr:nvCxnSpPr>
        <xdr:cNvPr id="27" name="直線コネクタ 26">
          <a:extLst>
            <a:ext uri="{FF2B5EF4-FFF2-40B4-BE49-F238E27FC236}">
              <a16:creationId xmlns:a16="http://schemas.microsoft.com/office/drawing/2014/main" id="{00000000-0008-0000-0000-00001B000000}"/>
            </a:ext>
          </a:extLst>
        </xdr:cNvPr>
        <xdr:cNvCxnSpPr/>
      </xdr:nvCxnSpPr>
      <xdr:spPr>
        <a:xfrm>
          <a:off x="9536114" y="7968456"/>
          <a:ext cx="595312" cy="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5</xdr:col>
      <xdr:colOff>61912</xdr:colOff>
      <xdr:row>44</xdr:row>
      <xdr:rowOff>134143</xdr:rowOff>
    </xdr:from>
    <xdr:to>
      <xdr:col>42</xdr:col>
      <xdr:colOff>19843</xdr:colOff>
      <xdr:row>44</xdr:row>
      <xdr:rowOff>134144</xdr:rowOff>
    </xdr:to>
    <xdr:cxnSp macro="">
      <xdr:nvCxnSpPr>
        <xdr:cNvPr id="28" name="直線コネクタ 27">
          <a:extLst>
            <a:ext uri="{FF2B5EF4-FFF2-40B4-BE49-F238E27FC236}">
              <a16:creationId xmlns:a16="http://schemas.microsoft.com/office/drawing/2014/main" id="{00000000-0008-0000-0000-00001C000000}"/>
            </a:ext>
          </a:extLst>
        </xdr:cNvPr>
        <xdr:cNvCxnSpPr/>
      </xdr:nvCxnSpPr>
      <xdr:spPr>
        <a:xfrm>
          <a:off x="9688512" y="7487443"/>
          <a:ext cx="1875631" cy="1"/>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5</xdr:col>
      <xdr:colOff>96837</xdr:colOff>
      <xdr:row>48</xdr:row>
      <xdr:rowOff>82550</xdr:rowOff>
    </xdr:from>
    <xdr:to>
      <xdr:col>44</xdr:col>
      <xdr:colOff>146844</xdr:colOff>
      <xdr:row>48</xdr:row>
      <xdr:rowOff>82550</xdr:rowOff>
    </xdr:to>
    <xdr:cxnSp macro="">
      <xdr:nvCxnSpPr>
        <xdr:cNvPr id="31" name="直線コネクタ 30">
          <a:extLst>
            <a:ext uri="{FF2B5EF4-FFF2-40B4-BE49-F238E27FC236}">
              <a16:creationId xmlns:a16="http://schemas.microsoft.com/office/drawing/2014/main" id="{00000000-0008-0000-0000-00001F000000}"/>
            </a:ext>
          </a:extLst>
        </xdr:cNvPr>
        <xdr:cNvCxnSpPr/>
      </xdr:nvCxnSpPr>
      <xdr:spPr>
        <a:xfrm>
          <a:off x="9723437" y="8045450"/>
          <a:ext cx="2348707" cy="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7030A0"/>
  </sheetPr>
  <dimension ref="A1:BD56"/>
  <sheetViews>
    <sheetView showGridLines="0" tabSelected="1" view="pageBreakPreview" topLeftCell="A34" zoomScaleNormal="100" zoomScaleSheetLayoutView="100" workbookViewId="0">
      <selection activeCell="J50" sqref="J50:M51"/>
    </sheetView>
  </sheetViews>
  <sheetFormatPr defaultRowHeight="12"/>
  <cols>
    <col min="1" max="6" width="1.75" style="1" customWidth="1"/>
    <col min="7" max="7" width="1.75" style="2" customWidth="1"/>
    <col min="8" max="8" width="0.625" style="2" customWidth="1"/>
    <col min="9" max="9" width="3.125" style="2" customWidth="1"/>
    <col min="10" max="10" width="5.125" style="3" customWidth="1"/>
    <col min="11" max="28" width="4.125" style="3" customWidth="1"/>
    <col min="29" max="29" width="3.875" style="3" customWidth="1"/>
    <col min="30" max="30" width="2.125" style="3" customWidth="1"/>
    <col min="31" max="32" width="2" style="3" customWidth="1"/>
    <col min="33" max="33" width="2.125" style="3" customWidth="1"/>
    <col min="34" max="36" width="4.125" style="3" customWidth="1"/>
    <col min="37" max="37" width="3.625" style="3" customWidth="1"/>
    <col min="38" max="38" width="0.5" style="3" customWidth="1"/>
    <col min="39" max="41" width="4.125" style="3" customWidth="1"/>
    <col min="42" max="42" width="4.25" style="3" customWidth="1"/>
    <col min="43" max="48" width="2.5" style="3" customWidth="1"/>
    <col min="49" max="56" width="2.75" style="3" customWidth="1"/>
    <col min="57" max="57" width="2" style="3" customWidth="1"/>
    <col min="58" max="264" width="9" style="3"/>
    <col min="265" max="269" width="1.75" style="3" customWidth="1"/>
    <col min="270" max="270" width="5.125" style="3" customWidth="1"/>
    <col min="271" max="288" width="4.125" style="3" customWidth="1"/>
    <col min="289" max="289" width="3.875" style="3" customWidth="1"/>
    <col min="290" max="290" width="2.125" style="3" customWidth="1"/>
    <col min="291" max="292" width="2" style="3" customWidth="1"/>
    <col min="293" max="293" width="2.125" style="3" customWidth="1"/>
    <col min="294" max="296" width="4.125" style="3" customWidth="1"/>
    <col min="297" max="297" width="3.625" style="3" customWidth="1"/>
    <col min="298" max="298" width="0.5" style="3" customWidth="1"/>
    <col min="299" max="302" width="4.125" style="3" customWidth="1"/>
    <col min="303" max="307" width="2.375" style="3" customWidth="1"/>
    <col min="308" max="309" width="4.25" style="3" customWidth="1"/>
    <col min="310" max="310" width="2.25" style="3" customWidth="1"/>
    <col min="311" max="311" width="5.25" style="3" customWidth="1"/>
    <col min="312" max="312" width="6.125" style="3" customWidth="1"/>
    <col min="313" max="313" width="2" style="3" customWidth="1"/>
    <col min="314" max="520" width="9" style="3"/>
    <col min="521" max="525" width="1.75" style="3" customWidth="1"/>
    <col min="526" max="526" width="5.125" style="3" customWidth="1"/>
    <col min="527" max="544" width="4.125" style="3" customWidth="1"/>
    <col min="545" max="545" width="3.875" style="3" customWidth="1"/>
    <col min="546" max="546" width="2.125" style="3" customWidth="1"/>
    <col min="547" max="548" width="2" style="3" customWidth="1"/>
    <col min="549" max="549" width="2.125" style="3" customWidth="1"/>
    <col min="550" max="552" width="4.125" style="3" customWidth="1"/>
    <col min="553" max="553" width="3.625" style="3" customWidth="1"/>
    <col min="554" max="554" width="0.5" style="3" customWidth="1"/>
    <col min="555" max="558" width="4.125" style="3" customWidth="1"/>
    <col min="559" max="563" width="2.375" style="3" customWidth="1"/>
    <col min="564" max="565" width="4.25" style="3" customWidth="1"/>
    <col min="566" max="566" width="2.25" style="3" customWidth="1"/>
    <col min="567" max="567" width="5.25" style="3" customWidth="1"/>
    <col min="568" max="568" width="6.125" style="3" customWidth="1"/>
    <col min="569" max="569" width="2" style="3" customWidth="1"/>
    <col min="570" max="776" width="9" style="3"/>
    <col min="777" max="781" width="1.75" style="3" customWidth="1"/>
    <col min="782" max="782" width="5.125" style="3" customWidth="1"/>
    <col min="783" max="800" width="4.125" style="3" customWidth="1"/>
    <col min="801" max="801" width="3.875" style="3" customWidth="1"/>
    <col min="802" max="802" width="2.125" style="3" customWidth="1"/>
    <col min="803" max="804" width="2" style="3" customWidth="1"/>
    <col min="805" max="805" width="2.125" style="3" customWidth="1"/>
    <col min="806" max="808" width="4.125" style="3" customWidth="1"/>
    <col min="809" max="809" width="3.625" style="3" customWidth="1"/>
    <col min="810" max="810" width="0.5" style="3" customWidth="1"/>
    <col min="811" max="814" width="4.125" style="3" customWidth="1"/>
    <col min="815" max="819" width="2.375" style="3" customWidth="1"/>
    <col min="820" max="821" width="4.25" style="3" customWidth="1"/>
    <col min="822" max="822" width="2.25" style="3" customWidth="1"/>
    <col min="823" max="823" width="5.25" style="3" customWidth="1"/>
    <col min="824" max="824" width="6.125" style="3" customWidth="1"/>
    <col min="825" max="825" width="2" style="3" customWidth="1"/>
    <col min="826" max="1032" width="9" style="3"/>
    <col min="1033" max="1037" width="1.75" style="3" customWidth="1"/>
    <col min="1038" max="1038" width="5.125" style="3" customWidth="1"/>
    <col min="1039" max="1056" width="4.125" style="3" customWidth="1"/>
    <col min="1057" max="1057" width="3.875" style="3" customWidth="1"/>
    <col min="1058" max="1058" width="2.125" style="3" customWidth="1"/>
    <col min="1059" max="1060" width="2" style="3" customWidth="1"/>
    <col min="1061" max="1061" width="2.125" style="3" customWidth="1"/>
    <col min="1062" max="1064" width="4.125" style="3" customWidth="1"/>
    <col min="1065" max="1065" width="3.625" style="3" customWidth="1"/>
    <col min="1066" max="1066" width="0.5" style="3" customWidth="1"/>
    <col min="1067" max="1070" width="4.125" style="3" customWidth="1"/>
    <col min="1071" max="1075" width="2.375" style="3" customWidth="1"/>
    <col min="1076" max="1077" width="4.25" style="3" customWidth="1"/>
    <col min="1078" max="1078" width="2.25" style="3" customWidth="1"/>
    <col min="1079" max="1079" width="5.25" style="3" customWidth="1"/>
    <col min="1080" max="1080" width="6.125" style="3" customWidth="1"/>
    <col min="1081" max="1081" width="2" style="3" customWidth="1"/>
    <col min="1082" max="1288" width="9" style="3"/>
    <col min="1289" max="1293" width="1.75" style="3" customWidth="1"/>
    <col min="1294" max="1294" width="5.125" style="3" customWidth="1"/>
    <col min="1295" max="1312" width="4.125" style="3" customWidth="1"/>
    <col min="1313" max="1313" width="3.875" style="3" customWidth="1"/>
    <col min="1314" max="1314" width="2.125" style="3" customWidth="1"/>
    <col min="1315" max="1316" width="2" style="3" customWidth="1"/>
    <col min="1317" max="1317" width="2.125" style="3" customWidth="1"/>
    <col min="1318" max="1320" width="4.125" style="3" customWidth="1"/>
    <col min="1321" max="1321" width="3.625" style="3" customWidth="1"/>
    <col min="1322" max="1322" width="0.5" style="3" customWidth="1"/>
    <col min="1323" max="1326" width="4.125" style="3" customWidth="1"/>
    <col min="1327" max="1331" width="2.375" style="3" customWidth="1"/>
    <col min="1332" max="1333" width="4.25" style="3" customWidth="1"/>
    <col min="1334" max="1334" width="2.25" style="3" customWidth="1"/>
    <col min="1335" max="1335" width="5.25" style="3" customWidth="1"/>
    <col min="1336" max="1336" width="6.125" style="3" customWidth="1"/>
    <col min="1337" max="1337" width="2" style="3" customWidth="1"/>
    <col min="1338" max="1544" width="9" style="3"/>
    <col min="1545" max="1549" width="1.75" style="3" customWidth="1"/>
    <col min="1550" max="1550" width="5.125" style="3" customWidth="1"/>
    <col min="1551" max="1568" width="4.125" style="3" customWidth="1"/>
    <col min="1569" max="1569" width="3.875" style="3" customWidth="1"/>
    <col min="1570" max="1570" width="2.125" style="3" customWidth="1"/>
    <col min="1571" max="1572" width="2" style="3" customWidth="1"/>
    <col min="1573" max="1573" width="2.125" style="3" customWidth="1"/>
    <col min="1574" max="1576" width="4.125" style="3" customWidth="1"/>
    <col min="1577" max="1577" width="3.625" style="3" customWidth="1"/>
    <col min="1578" max="1578" width="0.5" style="3" customWidth="1"/>
    <col min="1579" max="1582" width="4.125" style="3" customWidth="1"/>
    <col min="1583" max="1587" width="2.375" style="3" customWidth="1"/>
    <col min="1588" max="1589" width="4.25" style="3" customWidth="1"/>
    <col min="1590" max="1590" width="2.25" style="3" customWidth="1"/>
    <col min="1591" max="1591" width="5.25" style="3" customWidth="1"/>
    <col min="1592" max="1592" width="6.125" style="3" customWidth="1"/>
    <col min="1593" max="1593" width="2" style="3" customWidth="1"/>
    <col min="1594" max="1800" width="9" style="3"/>
    <col min="1801" max="1805" width="1.75" style="3" customWidth="1"/>
    <col min="1806" max="1806" width="5.125" style="3" customWidth="1"/>
    <col min="1807" max="1824" width="4.125" style="3" customWidth="1"/>
    <col min="1825" max="1825" width="3.875" style="3" customWidth="1"/>
    <col min="1826" max="1826" width="2.125" style="3" customWidth="1"/>
    <col min="1827" max="1828" width="2" style="3" customWidth="1"/>
    <col min="1829" max="1829" width="2.125" style="3" customWidth="1"/>
    <col min="1830" max="1832" width="4.125" style="3" customWidth="1"/>
    <col min="1833" max="1833" width="3.625" style="3" customWidth="1"/>
    <col min="1834" max="1834" width="0.5" style="3" customWidth="1"/>
    <col min="1835" max="1838" width="4.125" style="3" customWidth="1"/>
    <col min="1839" max="1843" width="2.375" style="3" customWidth="1"/>
    <col min="1844" max="1845" width="4.25" style="3" customWidth="1"/>
    <col min="1846" max="1846" width="2.25" style="3" customWidth="1"/>
    <col min="1847" max="1847" width="5.25" style="3" customWidth="1"/>
    <col min="1848" max="1848" width="6.125" style="3" customWidth="1"/>
    <col min="1849" max="1849" width="2" style="3" customWidth="1"/>
    <col min="1850" max="2056" width="9" style="3"/>
    <col min="2057" max="2061" width="1.75" style="3" customWidth="1"/>
    <col min="2062" max="2062" width="5.125" style="3" customWidth="1"/>
    <col min="2063" max="2080" width="4.125" style="3" customWidth="1"/>
    <col min="2081" max="2081" width="3.875" style="3" customWidth="1"/>
    <col min="2082" max="2082" width="2.125" style="3" customWidth="1"/>
    <col min="2083" max="2084" width="2" style="3" customWidth="1"/>
    <col min="2085" max="2085" width="2.125" style="3" customWidth="1"/>
    <col min="2086" max="2088" width="4.125" style="3" customWidth="1"/>
    <col min="2089" max="2089" width="3.625" style="3" customWidth="1"/>
    <col min="2090" max="2090" width="0.5" style="3" customWidth="1"/>
    <col min="2091" max="2094" width="4.125" style="3" customWidth="1"/>
    <col min="2095" max="2099" width="2.375" style="3" customWidth="1"/>
    <col min="2100" max="2101" width="4.25" style="3" customWidth="1"/>
    <col min="2102" max="2102" width="2.25" style="3" customWidth="1"/>
    <col min="2103" max="2103" width="5.25" style="3" customWidth="1"/>
    <col min="2104" max="2104" width="6.125" style="3" customWidth="1"/>
    <col min="2105" max="2105" width="2" style="3" customWidth="1"/>
    <col min="2106" max="2312" width="9" style="3"/>
    <col min="2313" max="2317" width="1.75" style="3" customWidth="1"/>
    <col min="2318" max="2318" width="5.125" style="3" customWidth="1"/>
    <col min="2319" max="2336" width="4.125" style="3" customWidth="1"/>
    <col min="2337" max="2337" width="3.875" style="3" customWidth="1"/>
    <col min="2338" max="2338" width="2.125" style="3" customWidth="1"/>
    <col min="2339" max="2340" width="2" style="3" customWidth="1"/>
    <col min="2341" max="2341" width="2.125" style="3" customWidth="1"/>
    <col min="2342" max="2344" width="4.125" style="3" customWidth="1"/>
    <col min="2345" max="2345" width="3.625" style="3" customWidth="1"/>
    <col min="2346" max="2346" width="0.5" style="3" customWidth="1"/>
    <col min="2347" max="2350" width="4.125" style="3" customWidth="1"/>
    <col min="2351" max="2355" width="2.375" style="3" customWidth="1"/>
    <col min="2356" max="2357" width="4.25" style="3" customWidth="1"/>
    <col min="2358" max="2358" width="2.25" style="3" customWidth="1"/>
    <col min="2359" max="2359" width="5.25" style="3" customWidth="1"/>
    <col min="2360" max="2360" width="6.125" style="3" customWidth="1"/>
    <col min="2361" max="2361" width="2" style="3" customWidth="1"/>
    <col min="2362" max="2568" width="9" style="3"/>
    <col min="2569" max="2573" width="1.75" style="3" customWidth="1"/>
    <col min="2574" max="2574" width="5.125" style="3" customWidth="1"/>
    <col min="2575" max="2592" width="4.125" style="3" customWidth="1"/>
    <col min="2593" max="2593" width="3.875" style="3" customWidth="1"/>
    <col min="2594" max="2594" width="2.125" style="3" customWidth="1"/>
    <col min="2595" max="2596" width="2" style="3" customWidth="1"/>
    <col min="2597" max="2597" width="2.125" style="3" customWidth="1"/>
    <col min="2598" max="2600" width="4.125" style="3" customWidth="1"/>
    <col min="2601" max="2601" width="3.625" style="3" customWidth="1"/>
    <col min="2602" max="2602" width="0.5" style="3" customWidth="1"/>
    <col min="2603" max="2606" width="4.125" style="3" customWidth="1"/>
    <col min="2607" max="2611" width="2.375" style="3" customWidth="1"/>
    <col min="2612" max="2613" width="4.25" style="3" customWidth="1"/>
    <col min="2614" max="2614" width="2.25" style="3" customWidth="1"/>
    <col min="2615" max="2615" width="5.25" style="3" customWidth="1"/>
    <col min="2616" max="2616" width="6.125" style="3" customWidth="1"/>
    <col min="2617" max="2617" width="2" style="3" customWidth="1"/>
    <col min="2618" max="2824" width="9" style="3"/>
    <col min="2825" max="2829" width="1.75" style="3" customWidth="1"/>
    <col min="2830" max="2830" width="5.125" style="3" customWidth="1"/>
    <col min="2831" max="2848" width="4.125" style="3" customWidth="1"/>
    <col min="2849" max="2849" width="3.875" style="3" customWidth="1"/>
    <col min="2850" max="2850" width="2.125" style="3" customWidth="1"/>
    <col min="2851" max="2852" width="2" style="3" customWidth="1"/>
    <col min="2853" max="2853" width="2.125" style="3" customWidth="1"/>
    <col min="2854" max="2856" width="4.125" style="3" customWidth="1"/>
    <col min="2857" max="2857" width="3.625" style="3" customWidth="1"/>
    <col min="2858" max="2858" width="0.5" style="3" customWidth="1"/>
    <col min="2859" max="2862" width="4.125" style="3" customWidth="1"/>
    <col min="2863" max="2867" width="2.375" style="3" customWidth="1"/>
    <col min="2868" max="2869" width="4.25" style="3" customWidth="1"/>
    <col min="2870" max="2870" width="2.25" style="3" customWidth="1"/>
    <col min="2871" max="2871" width="5.25" style="3" customWidth="1"/>
    <col min="2872" max="2872" width="6.125" style="3" customWidth="1"/>
    <col min="2873" max="2873" width="2" style="3" customWidth="1"/>
    <col min="2874" max="3080" width="9" style="3"/>
    <col min="3081" max="3085" width="1.75" style="3" customWidth="1"/>
    <col min="3086" max="3086" width="5.125" style="3" customWidth="1"/>
    <col min="3087" max="3104" width="4.125" style="3" customWidth="1"/>
    <col min="3105" max="3105" width="3.875" style="3" customWidth="1"/>
    <col min="3106" max="3106" width="2.125" style="3" customWidth="1"/>
    <col min="3107" max="3108" width="2" style="3" customWidth="1"/>
    <col min="3109" max="3109" width="2.125" style="3" customWidth="1"/>
    <col min="3110" max="3112" width="4.125" style="3" customWidth="1"/>
    <col min="3113" max="3113" width="3.625" style="3" customWidth="1"/>
    <col min="3114" max="3114" width="0.5" style="3" customWidth="1"/>
    <col min="3115" max="3118" width="4.125" style="3" customWidth="1"/>
    <col min="3119" max="3123" width="2.375" style="3" customWidth="1"/>
    <col min="3124" max="3125" width="4.25" style="3" customWidth="1"/>
    <col min="3126" max="3126" width="2.25" style="3" customWidth="1"/>
    <col min="3127" max="3127" width="5.25" style="3" customWidth="1"/>
    <col min="3128" max="3128" width="6.125" style="3" customWidth="1"/>
    <col min="3129" max="3129" width="2" style="3" customWidth="1"/>
    <col min="3130" max="3336" width="9" style="3"/>
    <col min="3337" max="3341" width="1.75" style="3" customWidth="1"/>
    <col min="3342" max="3342" width="5.125" style="3" customWidth="1"/>
    <col min="3343" max="3360" width="4.125" style="3" customWidth="1"/>
    <col min="3361" max="3361" width="3.875" style="3" customWidth="1"/>
    <col min="3362" max="3362" width="2.125" style="3" customWidth="1"/>
    <col min="3363" max="3364" width="2" style="3" customWidth="1"/>
    <col min="3365" max="3365" width="2.125" style="3" customWidth="1"/>
    <col min="3366" max="3368" width="4.125" style="3" customWidth="1"/>
    <col min="3369" max="3369" width="3.625" style="3" customWidth="1"/>
    <col min="3370" max="3370" width="0.5" style="3" customWidth="1"/>
    <col min="3371" max="3374" width="4.125" style="3" customWidth="1"/>
    <col min="3375" max="3379" width="2.375" style="3" customWidth="1"/>
    <col min="3380" max="3381" width="4.25" style="3" customWidth="1"/>
    <col min="3382" max="3382" width="2.25" style="3" customWidth="1"/>
    <col min="3383" max="3383" width="5.25" style="3" customWidth="1"/>
    <col min="3384" max="3384" width="6.125" style="3" customWidth="1"/>
    <col min="3385" max="3385" width="2" style="3" customWidth="1"/>
    <col min="3386" max="3592" width="9" style="3"/>
    <col min="3593" max="3597" width="1.75" style="3" customWidth="1"/>
    <col min="3598" max="3598" width="5.125" style="3" customWidth="1"/>
    <col min="3599" max="3616" width="4.125" style="3" customWidth="1"/>
    <col min="3617" max="3617" width="3.875" style="3" customWidth="1"/>
    <col min="3618" max="3618" width="2.125" style="3" customWidth="1"/>
    <col min="3619" max="3620" width="2" style="3" customWidth="1"/>
    <col min="3621" max="3621" width="2.125" style="3" customWidth="1"/>
    <col min="3622" max="3624" width="4.125" style="3" customWidth="1"/>
    <col min="3625" max="3625" width="3.625" style="3" customWidth="1"/>
    <col min="3626" max="3626" width="0.5" style="3" customWidth="1"/>
    <col min="3627" max="3630" width="4.125" style="3" customWidth="1"/>
    <col min="3631" max="3635" width="2.375" style="3" customWidth="1"/>
    <col min="3636" max="3637" width="4.25" style="3" customWidth="1"/>
    <col min="3638" max="3638" width="2.25" style="3" customWidth="1"/>
    <col min="3639" max="3639" width="5.25" style="3" customWidth="1"/>
    <col min="3640" max="3640" width="6.125" style="3" customWidth="1"/>
    <col min="3641" max="3641" width="2" style="3" customWidth="1"/>
    <col min="3642" max="3848" width="9" style="3"/>
    <col min="3849" max="3853" width="1.75" style="3" customWidth="1"/>
    <col min="3854" max="3854" width="5.125" style="3" customWidth="1"/>
    <col min="3855" max="3872" width="4.125" style="3" customWidth="1"/>
    <col min="3873" max="3873" width="3.875" style="3" customWidth="1"/>
    <col min="3874" max="3874" width="2.125" style="3" customWidth="1"/>
    <col min="3875" max="3876" width="2" style="3" customWidth="1"/>
    <col min="3877" max="3877" width="2.125" style="3" customWidth="1"/>
    <col min="3878" max="3880" width="4.125" style="3" customWidth="1"/>
    <col min="3881" max="3881" width="3.625" style="3" customWidth="1"/>
    <col min="3882" max="3882" width="0.5" style="3" customWidth="1"/>
    <col min="3883" max="3886" width="4.125" style="3" customWidth="1"/>
    <col min="3887" max="3891" width="2.375" style="3" customWidth="1"/>
    <col min="3892" max="3893" width="4.25" style="3" customWidth="1"/>
    <col min="3894" max="3894" width="2.25" style="3" customWidth="1"/>
    <col min="3895" max="3895" width="5.25" style="3" customWidth="1"/>
    <col min="3896" max="3896" width="6.125" style="3" customWidth="1"/>
    <col min="3897" max="3897" width="2" style="3" customWidth="1"/>
    <col min="3898" max="4104" width="9" style="3"/>
    <col min="4105" max="4109" width="1.75" style="3" customWidth="1"/>
    <col min="4110" max="4110" width="5.125" style="3" customWidth="1"/>
    <col min="4111" max="4128" width="4.125" style="3" customWidth="1"/>
    <col min="4129" max="4129" width="3.875" style="3" customWidth="1"/>
    <col min="4130" max="4130" width="2.125" style="3" customWidth="1"/>
    <col min="4131" max="4132" width="2" style="3" customWidth="1"/>
    <col min="4133" max="4133" width="2.125" style="3" customWidth="1"/>
    <col min="4134" max="4136" width="4.125" style="3" customWidth="1"/>
    <col min="4137" max="4137" width="3.625" style="3" customWidth="1"/>
    <col min="4138" max="4138" width="0.5" style="3" customWidth="1"/>
    <col min="4139" max="4142" width="4.125" style="3" customWidth="1"/>
    <col min="4143" max="4147" width="2.375" style="3" customWidth="1"/>
    <col min="4148" max="4149" width="4.25" style="3" customWidth="1"/>
    <col min="4150" max="4150" width="2.25" style="3" customWidth="1"/>
    <col min="4151" max="4151" width="5.25" style="3" customWidth="1"/>
    <col min="4152" max="4152" width="6.125" style="3" customWidth="1"/>
    <col min="4153" max="4153" width="2" style="3" customWidth="1"/>
    <col min="4154" max="4360" width="9" style="3"/>
    <col min="4361" max="4365" width="1.75" style="3" customWidth="1"/>
    <col min="4366" max="4366" width="5.125" style="3" customWidth="1"/>
    <col min="4367" max="4384" width="4.125" style="3" customWidth="1"/>
    <col min="4385" max="4385" width="3.875" style="3" customWidth="1"/>
    <col min="4386" max="4386" width="2.125" style="3" customWidth="1"/>
    <col min="4387" max="4388" width="2" style="3" customWidth="1"/>
    <col min="4389" max="4389" width="2.125" style="3" customWidth="1"/>
    <col min="4390" max="4392" width="4.125" style="3" customWidth="1"/>
    <col min="4393" max="4393" width="3.625" style="3" customWidth="1"/>
    <col min="4394" max="4394" width="0.5" style="3" customWidth="1"/>
    <col min="4395" max="4398" width="4.125" style="3" customWidth="1"/>
    <col min="4399" max="4403" width="2.375" style="3" customWidth="1"/>
    <col min="4404" max="4405" width="4.25" style="3" customWidth="1"/>
    <col min="4406" max="4406" width="2.25" style="3" customWidth="1"/>
    <col min="4407" max="4407" width="5.25" style="3" customWidth="1"/>
    <col min="4408" max="4408" width="6.125" style="3" customWidth="1"/>
    <col min="4409" max="4409" width="2" style="3" customWidth="1"/>
    <col min="4410" max="4616" width="9" style="3"/>
    <col min="4617" max="4621" width="1.75" style="3" customWidth="1"/>
    <col min="4622" max="4622" width="5.125" style="3" customWidth="1"/>
    <col min="4623" max="4640" width="4.125" style="3" customWidth="1"/>
    <col min="4641" max="4641" width="3.875" style="3" customWidth="1"/>
    <col min="4642" max="4642" width="2.125" style="3" customWidth="1"/>
    <col min="4643" max="4644" width="2" style="3" customWidth="1"/>
    <col min="4645" max="4645" width="2.125" style="3" customWidth="1"/>
    <col min="4646" max="4648" width="4.125" style="3" customWidth="1"/>
    <col min="4649" max="4649" width="3.625" style="3" customWidth="1"/>
    <col min="4650" max="4650" width="0.5" style="3" customWidth="1"/>
    <col min="4651" max="4654" width="4.125" style="3" customWidth="1"/>
    <col min="4655" max="4659" width="2.375" style="3" customWidth="1"/>
    <col min="4660" max="4661" width="4.25" style="3" customWidth="1"/>
    <col min="4662" max="4662" width="2.25" style="3" customWidth="1"/>
    <col min="4663" max="4663" width="5.25" style="3" customWidth="1"/>
    <col min="4664" max="4664" width="6.125" style="3" customWidth="1"/>
    <col min="4665" max="4665" width="2" style="3" customWidth="1"/>
    <col min="4666" max="4872" width="9" style="3"/>
    <col min="4873" max="4877" width="1.75" style="3" customWidth="1"/>
    <col min="4878" max="4878" width="5.125" style="3" customWidth="1"/>
    <col min="4879" max="4896" width="4.125" style="3" customWidth="1"/>
    <col min="4897" max="4897" width="3.875" style="3" customWidth="1"/>
    <col min="4898" max="4898" width="2.125" style="3" customWidth="1"/>
    <col min="4899" max="4900" width="2" style="3" customWidth="1"/>
    <col min="4901" max="4901" width="2.125" style="3" customWidth="1"/>
    <col min="4902" max="4904" width="4.125" style="3" customWidth="1"/>
    <col min="4905" max="4905" width="3.625" style="3" customWidth="1"/>
    <col min="4906" max="4906" width="0.5" style="3" customWidth="1"/>
    <col min="4907" max="4910" width="4.125" style="3" customWidth="1"/>
    <col min="4911" max="4915" width="2.375" style="3" customWidth="1"/>
    <col min="4916" max="4917" width="4.25" style="3" customWidth="1"/>
    <col min="4918" max="4918" width="2.25" style="3" customWidth="1"/>
    <col min="4919" max="4919" width="5.25" style="3" customWidth="1"/>
    <col min="4920" max="4920" width="6.125" style="3" customWidth="1"/>
    <col min="4921" max="4921" width="2" style="3" customWidth="1"/>
    <col min="4922" max="5128" width="9" style="3"/>
    <col min="5129" max="5133" width="1.75" style="3" customWidth="1"/>
    <col min="5134" max="5134" width="5.125" style="3" customWidth="1"/>
    <col min="5135" max="5152" width="4.125" style="3" customWidth="1"/>
    <col min="5153" max="5153" width="3.875" style="3" customWidth="1"/>
    <col min="5154" max="5154" width="2.125" style="3" customWidth="1"/>
    <col min="5155" max="5156" width="2" style="3" customWidth="1"/>
    <col min="5157" max="5157" width="2.125" style="3" customWidth="1"/>
    <col min="5158" max="5160" width="4.125" style="3" customWidth="1"/>
    <col min="5161" max="5161" width="3.625" style="3" customWidth="1"/>
    <col min="5162" max="5162" width="0.5" style="3" customWidth="1"/>
    <col min="5163" max="5166" width="4.125" style="3" customWidth="1"/>
    <col min="5167" max="5171" width="2.375" style="3" customWidth="1"/>
    <col min="5172" max="5173" width="4.25" style="3" customWidth="1"/>
    <col min="5174" max="5174" width="2.25" style="3" customWidth="1"/>
    <col min="5175" max="5175" width="5.25" style="3" customWidth="1"/>
    <col min="5176" max="5176" width="6.125" style="3" customWidth="1"/>
    <col min="5177" max="5177" width="2" style="3" customWidth="1"/>
    <col min="5178" max="5384" width="9" style="3"/>
    <col min="5385" max="5389" width="1.75" style="3" customWidth="1"/>
    <col min="5390" max="5390" width="5.125" style="3" customWidth="1"/>
    <col min="5391" max="5408" width="4.125" style="3" customWidth="1"/>
    <col min="5409" max="5409" width="3.875" style="3" customWidth="1"/>
    <col min="5410" max="5410" width="2.125" style="3" customWidth="1"/>
    <col min="5411" max="5412" width="2" style="3" customWidth="1"/>
    <col min="5413" max="5413" width="2.125" style="3" customWidth="1"/>
    <col min="5414" max="5416" width="4.125" style="3" customWidth="1"/>
    <col min="5417" max="5417" width="3.625" style="3" customWidth="1"/>
    <col min="5418" max="5418" width="0.5" style="3" customWidth="1"/>
    <col min="5419" max="5422" width="4.125" style="3" customWidth="1"/>
    <col min="5423" max="5427" width="2.375" style="3" customWidth="1"/>
    <col min="5428" max="5429" width="4.25" style="3" customWidth="1"/>
    <col min="5430" max="5430" width="2.25" style="3" customWidth="1"/>
    <col min="5431" max="5431" width="5.25" style="3" customWidth="1"/>
    <col min="5432" max="5432" width="6.125" style="3" customWidth="1"/>
    <col min="5433" max="5433" width="2" style="3" customWidth="1"/>
    <col min="5434" max="5640" width="9" style="3"/>
    <col min="5641" max="5645" width="1.75" style="3" customWidth="1"/>
    <col min="5646" max="5646" width="5.125" style="3" customWidth="1"/>
    <col min="5647" max="5664" width="4.125" style="3" customWidth="1"/>
    <col min="5665" max="5665" width="3.875" style="3" customWidth="1"/>
    <col min="5666" max="5666" width="2.125" style="3" customWidth="1"/>
    <col min="5667" max="5668" width="2" style="3" customWidth="1"/>
    <col min="5669" max="5669" width="2.125" style="3" customWidth="1"/>
    <col min="5670" max="5672" width="4.125" style="3" customWidth="1"/>
    <col min="5673" max="5673" width="3.625" style="3" customWidth="1"/>
    <col min="5674" max="5674" width="0.5" style="3" customWidth="1"/>
    <col min="5675" max="5678" width="4.125" style="3" customWidth="1"/>
    <col min="5679" max="5683" width="2.375" style="3" customWidth="1"/>
    <col min="5684" max="5685" width="4.25" style="3" customWidth="1"/>
    <col min="5686" max="5686" width="2.25" style="3" customWidth="1"/>
    <col min="5687" max="5687" width="5.25" style="3" customWidth="1"/>
    <col min="5688" max="5688" width="6.125" style="3" customWidth="1"/>
    <col min="5689" max="5689" width="2" style="3" customWidth="1"/>
    <col min="5690" max="5896" width="9" style="3"/>
    <col min="5897" max="5901" width="1.75" style="3" customWidth="1"/>
    <col min="5902" max="5902" width="5.125" style="3" customWidth="1"/>
    <col min="5903" max="5920" width="4.125" style="3" customWidth="1"/>
    <col min="5921" max="5921" width="3.875" style="3" customWidth="1"/>
    <col min="5922" max="5922" width="2.125" style="3" customWidth="1"/>
    <col min="5923" max="5924" width="2" style="3" customWidth="1"/>
    <col min="5925" max="5925" width="2.125" style="3" customWidth="1"/>
    <col min="5926" max="5928" width="4.125" style="3" customWidth="1"/>
    <col min="5929" max="5929" width="3.625" style="3" customWidth="1"/>
    <col min="5930" max="5930" width="0.5" style="3" customWidth="1"/>
    <col min="5931" max="5934" width="4.125" style="3" customWidth="1"/>
    <col min="5935" max="5939" width="2.375" style="3" customWidth="1"/>
    <col min="5940" max="5941" width="4.25" style="3" customWidth="1"/>
    <col min="5942" max="5942" width="2.25" style="3" customWidth="1"/>
    <col min="5943" max="5943" width="5.25" style="3" customWidth="1"/>
    <col min="5944" max="5944" width="6.125" style="3" customWidth="1"/>
    <col min="5945" max="5945" width="2" style="3" customWidth="1"/>
    <col min="5946" max="6152" width="9" style="3"/>
    <col min="6153" max="6157" width="1.75" style="3" customWidth="1"/>
    <col min="6158" max="6158" width="5.125" style="3" customWidth="1"/>
    <col min="6159" max="6176" width="4.125" style="3" customWidth="1"/>
    <col min="6177" max="6177" width="3.875" style="3" customWidth="1"/>
    <col min="6178" max="6178" width="2.125" style="3" customWidth="1"/>
    <col min="6179" max="6180" width="2" style="3" customWidth="1"/>
    <col min="6181" max="6181" width="2.125" style="3" customWidth="1"/>
    <col min="6182" max="6184" width="4.125" style="3" customWidth="1"/>
    <col min="6185" max="6185" width="3.625" style="3" customWidth="1"/>
    <col min="6186" max="6186" width="0.5" style="3" customWidth="1"/>
    <col min="6187" max="6190" width="4.125" style="3" customWidth="1"/>
    <col min="6191" max="6195" width="2.375" style="3" customWidth="1"/>
    <col min="6196" max="6197" width="4.25" style="3" customWidth="1"/>
    <col min="6198" max="6198" width="2.25" style="3" customWidth="1"/>
    <col min="6199" max="6199" width="5.25" style="3" customWidth="1"/>
    <col min="6200" max="6200" width="6.125" style="3" customWidth="1"/>
    <col min="6201" max="6201" width="2" style="3" customWidth="1"/>
    <col min="6202" max="6408" width="9" style="3"/>
    <col min="6409" max="6413" width="1.75" style="3" customWidth="1"/>
    <col min="6414" max="6414" width="5.125" style="3" customWidth="1"/>
    <col min="6415" max="6432" width="4.125" style="3" customWidth="1"/>
    <col min="6433" max="6433" width="3.875" style="3" customWidth="1"/>
    <col min="6434" max="6434" width="2.125" style="3" customWidth="1"/>
    <col min="6435" max="6436" width="2" style="3" customWidth="1"/>
    <col min="6437" max="6437" width="2.125" style="3" customWidth="1"/>
    <col min="6438" max="6440" width="4.125" style="3" customWidth="1"/>
    <col min="6441" max="6441" width="3.625" style="3" customWidth="1"/>
    <col min="6442" max="6442" width="0.5" style="3" customWidth="1"/>
    <col min="6443" max="6446" width="4.125" style="3" customWidth="1"/>
    <col min="6447" max="6451" width="2.375" style="3" customWidth="1"/>
    <col min="6452" max="6453" width="4.25" style="3" customWidth="1"/>
    <col min="6454" max="6454" width="2.25" style="3" customWidth="1"/>
    <col min="6455" max="6455" width="5.25" style="3" customWidth="1"/>
    <col min="6456" max="6456" width="6.125" style="3" customWidth="1"/>
    <col min="6457" max="6457" width="2" style="3" customWidth="1"/>
    <col min="6458" max="6664" width="9" style="3"/>
    <col min="6665" max="6669" width="1.75" style="3" customWidth="1"/>
    <col min="6670" max="6670" width="5.125" style="3" customWidth="1"/>
    <col min="6671" max="6688" width="4.125" style="3" customWidth="1"/>
    <col min="6689" max="6689" width="3.875" style="3" customWidth="1"/>
    <col min="6690" max="6690" width="2.125" style="3" customWidth="1"/>
    <col min="6691" max="6692" width="2" style="3" customWidth="1"/>
    <col min="6693" max="6693" width="2.125" style="3" customWidth="1"/>
    <col min="6694" max="6696" width="4.125" style="3" customWidth="1"/>
    <col min="6697" max="6697" width="3.625" style="3" customWidth="1"/>
    <col min="6698" max="6698" width="0.5" style="3" customWidth="1"/>
    <col min="6699" max="6702" width="4.125" style="3" customWidth="1"/>
    <col min="6703" max="6707" width="2.375" style="3" customWidth="1"/>
    <col min="6708" max="6709" width="4.25" style="3" customWidth="1"/>
    <col min="6710" max="6710" width="2.25" style="3" customWidth="1"/>
    <col min="6711" max="6711" width="5.25" style="3" customWidth="1"/>
    <col min="6712" max="6712" width="6.125" style="3" customWidth="1"/>
    <col min="6713" max="6713" width="2" style="3" customWidth="1"/>
    <col min="6714" max="6920" width="9" style="3"/>
    <col min="6921" max="6925" width="1.75" style="3" customWidth="1"/>
    <col min="6926" max="6926" width="5.125" style="3" customWidth="1"/>
    <col min="6927" max="6944" width="4.125" style="3" customWidth="1"/>
    <col min="6945" max="6945" width="3.875" style="3" customWidth="1"/>
    <col min="6946" max="6946" width="2.125" style="3" customWidth="1"/>
    <col min="6947" max="6948" width="2" style="3" customWidth="1"/>
    <col min="6949" max="6949" width="2.125" style="3" customWidth="1"/>
    <col min="6950" max="6952" width="4.125" style="3" customWidth="1"/>
    <col min="6953" max="6953" width="3.625" style="3" customWidth="1"/>
    <col min="6954" max="6954" width="0.5" style="3" customWidth="1"/>
    <col min="6955" max="6958" width="4.125" style="3" customWidth="1"/>
    <col min="6959" max="6963" width="2.375" style="3" customWidth="1"/>
    <col min="6964" max="6965" width="4.25" style="3" customWidth="1"/>
    <col min="6966" max="6966" width="2.25" style="3" customWidth="1"/>
    <col min="6967" max="6967" width="5.25" style="3" customWidth="1"/>
    <col min="6968" max="6968" width="6.125" style="3" customWidth="1"/>
    <col min="6969" max="6969" width="2" style="3" customWidth="1"/>
    <col min="6970" max="7176" width="9" style="3"/>
    <col min="7177" max="7181" width="1.75" style="3" customWidth="1"/>
    <col min="7182" max="7182" width="5.125" style="3" customWidth="1"/>
    <col min="7183" max="7200" width="4.125" style="3" customWidth="1"/>
    <col min="7201" max="7201" width="3.875" style="3" customWidth="1"/>
    <col min="7202" max="7202" width="2.125" style="3" customWidth="1"/>
    <col min="7203" max="7204" width="2" style="3" customWidth="1"/>
    <col min="7205" max="7205" width="2.125" style="3" customWidth="1"/>
    <col min="7206" max="7208" width="4.125" style="3" customWidth="1"/>
    <col min="7209" max="7209" width="3.625" style="3" customWidth="1"/>
    <col min="7210" max="7210" width="0.5" style="3" customWidth="1"/>
    <col min="7211" max="7214" width="4.125" style="3" customWidth="1"/>
    <col min="7215" max="7219" width="2.375" style="3" customWidth="1"/>
    <col min="7220" max="7221" width="4.25" style="3" customWidth="1"/>
    <col min="7222" max="7222" width="2.25" style="3" customWidth="1"/>
    <col min="7223" max="7223" width="5.25" style="3" customWidth="1"/>
    <col min="7224" max="7224" width="6.125" style="3" customWidth="1"/>
    <col min="7225" max="7225" width="2" style="3" customWidth="1"/>
    <col min="7226" max="7432" width="9" style="3"/>
    <col min="7433" max="7437" width="1.75" style="3" customWidth="1"/>
    <col min="7438" max="7438" width="5.125" style="3" customWidth="1"/>
    <col min="7439" max="7456" width="4.125" style="3" customWidth="1"/>
    <col min="7457" max="7457" width="3.875" style="3" customWidth="1"/>
    <col min="7458" max="7458" width="2.125" style="3" customWidth="1"/>
    <col min="7459" max="7460" width="2" style="3" customWidth="1"/>
    <col min="7461" max="7461" width="2.125" style="3" customWidth="1"/>
    <col min="7462" max="7464" width="4.125" style="3" customWidth="1"/>
    <col min="7465" max="7465" width="3.625" style="3" customWidth="1"/>
    <col min="7466" max="7466" width="0.5" style="3" customWidth="1"/>
    <col min="7467" max="7470" width="4.125" style="3" customWidth="1"/>
    <col min="7471" max="7475" width="2.375" style="3" customWidth="1"/>
    <col min="7476" max="7477" width="4.25" style="3" customWidth="1"/>
    <col min="7478" max="7478" width="2.25" style="3" customWidth="1"/>
    <col min="7479" max="7479" width="5.25" style="3" customWidth="1"/>
    <col min="7480" max="7480" width="6.125" style="3" customWidth="1"/>
    <col min="7481" max="7481" width="2" style="3" customWidth="1"/>
    <col min="7482" max="7688" width="9" style="3"/>
    <col min="7689" max="7693" width="1.75" style="3" customWidth="1"/>
    <col min="7694" max="7694" width="5.125" style="3" customWidth="1"/>
    <col min="7695" max="7712" width="4.125" style="3" customWidth="1"/>
    <col min="7713" max="7713" width="3.875" style="3" customWidth="1"/>
    <col min="7714" max="7714" width="2.125" style="3" customWidth="1"/>
    <col min="7715" max="7716" width="2" style="3" customWidth="1"/>
    <col min="7717" max="7717" width="2.125" style="3" customWidth="1"/>
    <col min="7718" max="7720" width="4.125" style="3" customWidth="1"/>
    <col min="7721" max="7721" width="3.625" style="3" customWidth="1"/>
    <col min="7722" max="7722" width="0.5" style="3" customWidth="1"/>
    <col min="7723" max="7726" width="4.125" style="3" customWidth="1"/>
    <col min="7727" max="7731" width="2.375" style="3" customWidth="1"/>
    <col min="7732" max="7733" width="4.25" style="3" customWidth="1"/>
    <col min="7734" max="7734" width="2.25" style="3" customWidth="1"/>
    <col min="7735" max="7735" width="5.25" style="3" customWidth="1"/>
    <col min="7736" max="7736" width="6.125" style="3" customWidth="1"/>
    <col min="7737" max="7737" width="2" style="3" customWidth="1"/>
    <col min="7738" max="7944" width="9" style="3"/>
    <col min="7945" max="7949" width="1.75" style="3" customWidth="1"/>
    <col min="7950" max="7950" width="5.125" style="3" customWidth="1"/>
    <col min="7951" max="7968" width="4.125" style="3" customWidth="1"/>
    <col min="7969" max="7969" width="3.875" style="3" customWidth="1"/>
    <col min="7970" max="7970" width="2.125" style="3" customWidth="1"/>
    <col min="7971" max="7972" width="2" style="3" customWidth="1"/>
    <col min="7973" max="7973" width="2.125" style="3" customWidth="1"/>
    <col min="7974" max="7976" width="4.125" style="3" customWidth="1"/>
    <col min="7977" max="7977" width="3.625" style="3" customWidth="1"/>
    <col min="7978" max="7978" width="0.5" style="3" customWidth="1"/>
    <col min="7979" max="7982" width="4.125" style="3" customWidth="1"/>
    <col min="7983" max="7987" width="2.375" style="3" customWidth="1"/>
    <col min="7988" max="7989" width="4.25" style="3" customWidth="1"/>
    <col min="7990" max="7990" width="2.25" style="3" customWidth="1"/>
    <col min="7991" max="7991" width="5.25" style="3" customWidth="1"/>
    <col min="7992" max="7992" width="6.125" style="3" customWidth="1"/>
    <col min="7993" max="7993" width="2" style="3" customWidth="1"/>
    <col min="7994" max="8200" width="9" style="3"/>
    <col min="8201" max="8205" width="1.75" style="3" customWidth="1"/>
    <col min="8206" max="8206" width="5.125" style="3" customWidth="1"/>
    <col min="8207" max="8224" width="4.125" style="3" customWidth="1"/>
    <col min="8225" max="8225" width="3.875" style="3" customWidth="1"/>
    <col min="8226" max="8226" width="2.125" style="3" customWidth="1"/>
    <col min="8227" max="8228" width="2" style="3" customWidth="1"/>
    <col min="8229" max="8229" width="2.125" style="3" customWidth="1"/>
    <col min="8230" max="8232" width="4.125" style="3" customWidth="1"/>
    <col min="8233" max="8233" width="3.625" style="3" customWidth="1"/>
    <col min="8234" max="8234" width="0.5" style="3" customWidth="1"/>
    <col min="8235" max="8238" width="4.125" style="3" customWidth="1"/>
    <col min="8239" max="8243" width="2.375" style="3" customWidth="1"/>
    <col min="8244" max="8245" width="4.25" style="3" customWidth="1"/>
    <col min="8246" max="8246" width="2.25" style="3" customWidth="1"/>
    <col min="8247" max="8247" width="5.25" style="3" customWidth="1"/>
    <col min="8248" max="8248" width="6.125" style="3" customWidth="1"/>
    <col min="8249" max="8249" width="2" style="3" customWidth="1"/>
    <col min="8250" max="8456" width="9" style="3"/>
    <col min="8457" max="8461" width="1.75" style="3" customWidth="1"/>
    <col min="8462" max="8462" width="5.125" style="3" customWidth="1"/>
    <col min="8463" max="8480" width="4.125" style="3" customWidth="1"/>
    <col min="8481" max="8481" width="3.875" style="3" customWidth="1"/>
    <col min="8482" max="8482" width="2.125" style="3" customWidth="1"/>
    <col min="8483" max="8484" width="2" style="3" customWidth="1"/>
    <col min="8485" max="8485" width="2.125" style="3" customWidth="1"/>
    <col min="8486" max="8488" width="4.125" style="3" customWidth="1"/>
    <col min="8489" max="8489" width="3.625" style="3" customWidth="1"/>
    <col min="8490" max="8490" width="0.5" style="3" customWidth="1"/>
    <col min="8491" max="8494" width="4.125" style="3" customWidth="1"/>
    <col min="8495" max="8499" width="2.375" style="3" customWidth="1"/>
    <col min="8500" max="8501" width="4.25" style="3" customWidth="1"/>
    <col min="8502" max="8502" width="2.25" style="3" customWidth="1"/>
    <col min="8503" max="8503" width="5.25" style="3" customWidth="1"/>
    <col min="8504" max="8504" width="6.125" style="3" customWidth="1"/>
    <col min="8505" max="8505" width="2" style="3" customWidth="1"/>
    <col min="8506" max="8712" width="9" style="3"/>
    <col min="8713" max="8717" width="1.75" style="3" customWidth="1"/>
    <col min="8718" max="8718" width="5.125" style="3" customWidth="1"/>
    <col min="8719" max="8736" width="4.125" style="3" customWidth="1"/>
    <col min="8737" max="8737" width="3.875" style="3" customWidth="1"/>
    <col min="8738" max="8738" width="2.125" style="3" customWidth="1"/>
    <col min="8739" max="8740" width="2" style="3" customWidth="1"/>
    <col min="8741" max="8741" width="2.125" style="3" customWidth="1"/>
    <col min="8742" max="8744" width="4.125" style="3" customWidth="1"/>
    <col min="8745" max="8745" width="3.625" style="3" customWidth="1"/>
    <col min="8746" max="8746" width="0.5" style="3" customWidth="1"/>
    <col min="8747" max="8750" width="4.125" style="3" customWidth="1"/>
    <col min="8751" max="8755" width="2.375" style="3" customWidth="1"/>
    <col min="8756" max="8757" width="4.25" style="3" customWidth="1"/>
    <col min="8758" max="8758" width="2.25" style="3" customWidth="1"/>
    <col min="8759" max="8759" width="5.25" style="3" customWidth="1"/>
    <col min="8760" max="8760" width="6.125" style="3" customWidth="1"/>
    <col min="8761" max="8761" width="2" style="3" customWidth="1"/>
    <col min="8762" max="8968" width="9" style="3"/>
    <col min="8969" max="8973" width="1.75" style="3" customWidth="1"/>
    <col min="8974" max="8974" width="5.125" style="3" customWidth="1"/>
    <col min="8975" max="8992" width="4.125" style="3" customWidth="1"/>
    <col min="8993" max="8993" width="3.875" style="3" customWidth="1"/>
    <col min="8994" max="8994" width="2.125" style="3" customWidth="1"/>
    <col min="8995" max="8996" width="2" style="3" customWidth="1"/>
    <col min="8997" max="8997" width="2.125" style="3" customWidth="1"/>
    <col min="8998" max="9000" width="4.125" style="3" customWidth="1"/>
    <col min="9001" max="9001" width="3.625" style="3" customWidth="1"/>
    <col min="9002" max="9002" width="0.5" style="3" customWidth="1"/>
    <col min="9003" max="9006" width="4.125" style="3" customWidth="1"/>
    <col min="9007" max="9011" width="2.375" style="3" customWidth="1"/>
    <col min="9012" max="9013" width="4.25" style="3" customWidth="1"/>
    <col min="9014" max="9014" width="2.25" style="3" customWidth="1"/>
    <col min="9015" max="9015" width="5.25" style="3" customWidth="1"/>
    <col min="9016" max="9016" width="6.125" style="3" customWidth="1"/>
    <col min="9017" max="9017" width="2" style="3" customWidth="1"/>
    <col min="9018" max="9224" width="9" style="3"/>
    <col min="9225" max="9229" width="1.75" style="3" customWidth="1"/>
    <col min="9230" max="9230" width="5.125" style="3" customWidth="1"/>
    <col min="9231" max="9248" width="4.125" style="3" customWidth="1"/>
    <col min="9249" max="9249" width="3.875" style="3" customWidth="1"/>
    <col min="9250" max="9250" width="2.125" style="3" customWidth="1"/>
    <col min="9251" max="9252" width="2" style="3" customWidth="1"/>
    <col min="9253" max="9253" width="2.125" style="3" customWidth="1"/>
    <col min="9254" max="9256" width="4.125" style="3" customWidth="1"/>
    <col min="9257" max="9257" width="3.625" style="3" customWidth="1"/>
    <col min="9258" max="9258" width="0.5" style="3" customWidth="1"/>
    <col min="9259" max="9262" width="4.125" style="3" customWidth="1"/>
    <col min="9263" max="9267" width="2.375" style="3" customWidth="1"/>
    <col min="9268" max="9269" width="4.25" style="3" customWidth="1"/>
    <col min="9270" max="9270" width="2.25" style="3" customWidth="1"/>
    <col min="9271" max="9271" width="5.25" style="3" customWidth="1"/>
    <col min="9272" max="9272" width="6.125" style="3" customWidth="1"/>
    <col min="9273" max="9273" width="2" style="3" customWidth="1"/>
    <col min="9274" max="9480" width="9" style="3"/>
    <col min="9481" max="9485" width="1.75" style="3" customWidth="1"/>
    <col min="9486" max="9486" width="5.125" style="3" customWidth="1"/>
    <col min="9487" max="9504" width="4.125" style="3" customWidth="1"/>
    <col min="9505" max="9505" width="3.875" style="3" customWidth="1"/>
    <col min="9506" max="9506" width="2.125" style="3" customWidth="1"/>
    <col min="9507" max="9508" width="2" style="3" customWidth="1"/>
    <col min="9509" max="9509" width="2.125" style="3" customWidth="1"/>
    <col min="9510" max="9512" width="4.125" style="3" customWidth="1"/>
    <col min="9513" max="9513" width="3.625" style="3" customWidth="1"/>
    <col min="9514" max="9514" width="0.5" style="3" customWidth="1"/>
    <col min="9515" max="9518" width="4.125" style="3" customWidth="1"/>
    <col min="9519" max="9523" width="2.375" style="3" customWidth="1"/>
    <col min="9524" max="9525" width="4.25" style="3" customWidth="1"/>
    <col min="9526" max="9526" width="2.25" style="3" customWidth="1"/>
    <col min="9527" max="9527" width="5.25" style="3" customWidth="1"/>
    <col min="9528" max="9528" width="6.125" style="3" customWidth="1"/>
    <col min="9529" max="9529" width="2" style="3" customWidth="1"/>
    <col min="9530" max="9736" width="9" style="3"/>
    <col min="9737" max="9741" width="1.75" style="3" customWidth="1"/>
    <col min="9742" max="9742" width="5.125" style="3" customWidth="1"/>
    <col min="9743" max="9760" width="4.125" style="3" customWidth="1"/>
    <col min="9761" max="9761" width="3.875" style="3" customWidth="1"/>
    <col min="9762" max="9762" width="2.125" style="3" customWidth="1"/>
    <col min="9763" max="9764" width="2" style="3" customWidth="1"/>
    <col min="9765" max="9765" width="2.125" style="3" customWidth="1"/>
    <col min="9766" max="9768" width="4.125" style="3" customWidth="1"/>
    <col min="9769" max="9769" width="3.625" style="3" customWidth="1"/>
    <col min="9770" max="9770" width="0.5" style="3" customWidth="1"/>
    <col min="9771" max="9774" width="4.125" style="3" customWidth="1"/>
    <col min="9775" max="9779" width="2.375" style="3" customWidth="1"/>
    <col min="9780" max="9781" width="4.25" style="3" customWidth="1"/>
    <col min="9782" max="9782" width="2.25" style="3" customWidth="1"/>
    <col min="9783" max="9783" width="5.25" style="3" customWidth="1"/>
    <col min="9784" max="9784" width="6.125" style="3" customWidth="1"/>
    <col min="9785" max="9785" width="2" style="3" customWidth="1"/>
    <col min="9786" max="9992" width="9" style="3"/>
    <col min="9993" max="9997" width="1.75" style="3" customWidth="1"/>
    <col min="9998" max="9998" width="5.125" style="3" customWidth="1"/>
    <col min="9999" max="10016" width="4.125" style="3" customWidth="1"/>
    <col min="10017" max="10017" width="3.875" style="3" customWidth="1"/>
    <col min="10018" max="10018" width="2.125" style="3" customWidth="1"/>
    <col min="10019" max="10020" width="2" style="3" customWidth="1"/>
    <col min="10021" max="10021" width="2.125" style="3" customWidth="1"/>
    <col min="10022" max="10024" width="4.125" style="3" customWidth="1"/>
    <col min="10025" max="10025" width="3.625" style="3" customWidth="1"/>
    <col min="10026" max="10026" width="0.5" style="3" customWidth="1"/>
    <col min="10027" max="10030" width="4.125" style="3" customWidth="1"/>
    <col min="10031" max="10035" width="2.375" style="3" customWidth="1"/>
    <col min="10036" max="10037" width="4.25" style="3" customWidth="1"/>
    <col min="10038" max="10038" width="2.25" style="3" customWidth="1"/>
    <col min="10039" max="10039" width="5.25" style="3" customWidth="1"/>
    <col min="10040" max="10040" width="6.125" style="3" customWidth="1"/>
    <col min="10041" max="10041" width="2" style="3" customWidth="1"/>
    <col min="10042" max="10248" width="9" style="3"/>
    <col min="10249" max="10253" width="1.75" style="3" customWidth="1"/>
    <col min="10254" max="10254" width="5.125" style="3" customWidth="1"/>
    <col min="10255" max="10272" width="4.125" style="3" customWidth="1"/>
    <col min="10273" max="10273" width="3.875" style="3" customWidth="1"/>
    <col min="10274" max="10274" width="2.125" style="3" customWidth="1"/>
    <col min="10275" max="10276" width="2" style="3" customWidth="1"/>
    <col min="10277" max="10277" width="2.125" style="3" customWidth="1"/>
    <col min="10278" max="10280" width="4.125" style="3" customWidth="1"/>
    <col min="10281" max="10281" width="3.625" style="3" customWidth="1"/>
    <col min="10282" max="10282" width="0.5" style="3" customWidth="1"/>
    <col min="10283" max="10286" width="4.125" style="3" customWidth="1"/>
    <col min="10287" max="10291" width="2.375" style="3" customWidth="1"/>
    <col min="10292" max="10293" width="4.25" style="3" customWidth="1"/>
    <col min="10294" max="10294" width="2.25" style="3" customWidth="1"/>
    <col min="10295" max="10295" width="5.25" style="3" customWidth="1"/>
    <col min="10296" max="10296" width="6.125" style="3" customWidth="1"/>
    <col min="10297" max="10297" width="2" style="3" customWidth="1"/>
    <col min="10298" max="10504" width="9" style="3"/>
    <col min="10505" max="10509" width="1.75" style="3" customWidth="1"/>
    <col min="10510" max="10510" width="5.125" style="3" customWidth="1"/>
    <col min="10511" max="10528" width="4.125" style="3" customWidth="1"/>
    <col min="10529" max="10529" width="3.875" style="3" customWidth="1"/>
    <col min="10530" max="10530" width="2.125" style="3" customWidth="1"/>
    <col min="10531" max="10532" width="2" style="3" customWidth="1"/>
    <col min="10533" max="10533" width="2.125" style="3" customWidth="1"/>
    <col min="10534" max="10536" width="4.125" style="3" customWidth="1"/>
    <col min="10537" max="10537" width="3.625" style="3" customWidth="1"/>
    <col min="10538" max="10538" width="0.5" style="3" customWidth="1"/>
    <col min="10539" max="10542" width="4.125" style="3" customWidth="1"/>
    <col min="10543" max="10547" width="2.375" style="3" customWidth="1"/>
    <col min="10548" max="10549" width="4.25" style="3" customWidth="1"/>
    <col min="10550" max="10550" width="2.25" style="3" customWidth="1"/>
    <col min="10551" max="10551" width="5.25" style="3" customWidth="1"/>
    <col min="10552" max="10552" width="6.125" style="3" customWidth="1"/>
    <col min="10553" max="10553" width="2" style="3" customWidth="1"/>
    <col min="10554" max="10760" width="9" style="3"/>
    <col min="10761" max="10765" width="1.75" style="3" customWidth="1"/>
    <col min="10766" max="10766" width="5.125" style="3" customWidth="1"/>
    <col min="10767" max="10784" width="4.125" style="3" customWidth="1"/>
    <col min="10785" max="10785" width="3.875" style="3" customWidth="1"/>
    <col min="10786" max="10786" width="2.125" style="3" customWidth="1"/>
    <col min="10787" max="10788" width="2" style="3" customWidth="1"/>
    <col min="10789" max="10789" width="2.125" style="3" customWidth="1"/>
    <col min="10790" max="10792" width="4.125" style="3" customWidth="1"/>
    <col min="10793" max="10793" width="3.625" style="3" customWidth="1"/>
    <col min="10794" max="10794" width="0.5" style="3" customWidth="1"/>
    <col min="10795" max="10798" width="4.125" style="3" customWidth="1"/>
    <col min="10799" max="10803" width="2.375" style="3" customWidth="1"/>
    <col min="10804" max="10805" width="4.25" style="3" customWidth="1"/>
    <col min="10806" max="10806" width="2.25" style="3" customWidth="1"/>
    <col min="10807" max="10807" width="5.25" style="3" customWidth="1"/>
    <col min="10808" max="10808" width="6.125" style="3" customWidth="1"/>
    <col min="10809" max="10809" width="2" style="3" customWidth="1"/>
    <col min="10810" max="11016" width="9" style="3"/>
    <col min="11017" max="11021" width="1.75" style="3" customWidth="1"/>
    <col min="11022" max="11022" width="5.125" style="3" customWidth="1"/>
    <col min="11023" max="11040" width="4.125" style="3" customWidth="1"/>
    <col min="11041" max="11041" width="3.875" style="3" customWidth="1"/>
    <col min="11042" max="11042" width="2.125" style="3" customWidth="1"/>
    <col min="11043" max="11044" width="2" style="3" customWidth="1"/>
    <col min="11045" max="11045" width="2.125" style="3" customWidth="1"/>
    <col min="11046" max="11048" width="4.125" style="3" customWidth="1"/>
    <col min="11049" max="11049" width="3.625" style="3" customWidth="1"/>
    <col min="11050" max="11050" width="0.5" style="3" customWidth="1"/>
    <col min="11051" max="11054" width="4.125" style="3" customWidth="1"/>
    <col min="11055" max="11059" width="2.375" style="3" customWidth="1"/>
    <col min="11060" max="11061" width="4.25" style="3" customWidth="1"/>
    <col min="11062" max="11062" width="2.25" style="3" customWidth="1"/>
    <col min="11063" max="11063" width="5.25" style="3" customWidth="1"/>
    <col min="11064" max="11064" width="6.125" style="3" customWidth="1"/>
    <col min="11065" max="11065" width="2" style="3" customWidth="1"/>
    <col min="11066" max="11272" width="9" style="3"/>
    <col min="11273" max="11277" width="1.75" style="3" customWidth="1"/>
    <col min="11278" max="11278" width="5.125" style="3" customWidth="1"/>
    <col min="11279" max="11296" width="4.125" style="3" customWidth="1"/>
    <col min="11297" max="11297" width="3.875" style="3" customWidth="1"/>
    <col min="11298" max="11298" width="2.125" style="3" customWidth="1"/>
    <col min="11299" max="11300" width="2" style="3" customWidth="1"/>
    <col min="11301" max="11301" width="2.125" style="3" customWidth="1"/>
    <col min="11302" max="11304" width="4.125" style="3" customWidth="1"/>
    <col min="11305" max="11305" width="3.625" style="3" customWidth="1"/>
    <col min="11306" max="11306" width="0.5" style="3" customWidth="1"/>
    <col min="11307" max="11310" width="4.125" style="3" customWidth="1"/>
    <col min="11311" max="11315" width="2.375" style="3" customWidth="1"/>
    <col min="11316" max="11317" width="4.25" style="3" customWidth="1"/>
    <col min="11318" max="11318" width="2.25" style="3" customWidth="1"/>
    <col min="11319" max="11319" width="5.25" style="3" customWidth="1"/>
    <col min="11320" max="11320" width="6.125" style="3" customWidth="1"/>
    <col min="11321" max="11321" width="2" style="3" customWidth="1"/>
    <col min="11322" max="11528" width="9" style="3"/>
    <col min="11529" max="11533" width="1.75" style="3" customWidth="1"/>
    <col min="11534" max="11534" width="5.125" style="3" customWidth="1"/>
    <col min="11535" max="11552" width="4.125" style="3" customWidth="1"/>
    <col min="11553" max="11553" width="3.875" style="3" customWidth="1"/>
    <col min="11554" max="11554" width="2.125" style="3" customWidth="1"/>
    <col min="11555" max="11556" width="2" style="3" customWidth="1"/>
    <col min="11557" max="11557" width="2.125" style="3" customWidth="1"/>
    <col min="11558" max="11560" width="4.125" style="3" customWidth="1"/>
    <col min="11561" max="11561" width="3.625" style="3" customWidth="1"/>
    <col min="11562" max="11562" width="0.5" style="3" customWidth="1"/>
    <col min="11563" max="11566" width="4.125" style="3" customWidth="1"/>
    <col min="11567" max="11571" width="2.375" style="3" customWidth="1"/>
    <col min="11572" max="11573" width="4.25" style="3" customWidth="1"/>
    <col min="11574" max="11574" width="2.25" style="3" customWidth="1"/>
    <col min="11575" max="11575" width="5.25" style="3" customWidth="1"/>
    <col min="11576" max="11576" width="6.125" style="3" customWidth="1"/>
    <col min="11577" max="11577" width="2" style="3" customWidth="1"/>
    <col min="11578" max="11784" width="9" style="3"/>
    <col min="11785" max="11789" width="1.75" style="3" customWidth="1"/>
    <col min="11790" max="11790" width="5.125" style="3" customWidth="1"/>
    <col min="11791" max="11808" width="4.125" style="3" customWidth="1"/>
    <col min="11809" max="11809" width="3.875" style="3" customWidth="1"/>
    <col min="11810" max="11810" width="2.125" style="3" customWidth="1"/>
    <col min="11811" max="11812" width="2" style="3" customWidth="1"/>
    <col min="11813" max="11813" width="2.125" style="3" customWidth="1"/>
    <col min="11814" max="11816" width="4.125" style="3" customWidth="1"/>
    <col min="11817" max="11817" width="3.625" style="3" customWidth="1"/>
    <col min="11818" max="11818" width="0.5" style="3" customWidth="1"/>
    <col min="11819" max="11822" width="4.125" style="3" customWidth="1"/>
    <col min="11823" max="11827" width="2.375" style="3" customWidth="1"/>
    <col min="11828" max="11829" width="4.25" style="3" customWidth="1"/>
    <col min="11830" max="11830" width="2.25" style="3" customWidth="1"/>
    <col min="11831" max="11831" width="5.25" style="3" customWidth="1"/>
    <col min="11832" max="11832" width="6.125" style="3" customWidth="1"/>
    <col min="11833" max="11833" width="2" style="3" customWidth="1"/>
    <col min="11834" max="12040" width="9" style="3"/>
    <col min="12041" max="12045" width="1.75" style="3" customWidth="1"/>
    <col min="12046" max="12046" width="5.125" style="3" customWidth="1"/>
    <col min="12047" max="12064" width="4.125" style="3" customWidth="1"/>
    <col min="12065" max="12065" width="3.875" style="3" customWidth="1"/>
    <col min="12066" max="12066" width="2.125" style="3" customWidth="1"/>
    <col min="12067" max="12068" width="2" style="3" customWidth="1"/>
    <col min="12069" max="12069" width="2.125" style="3" customWidth="1"/>
    <col min="12070" max="12072" width="4.125" style="3" customWidth="1"/>
    <col min="12073" max="12073" width="3.625" style="3" customWidth="1"/>
    <col min="12074" max="12074" width="0.5" style="3" customWidth="1"/>
    <col min="12075" max="12078" width="4.125" style="3" customWidth="1"/>
    <col min="12079" max="12083" width="2.375" style="3" customWidth="1"/>
    <col min="12084" max="12085" width="4.25" style="3" customWidth="1"/>
    <col min="12086" max="12086" width="2.25" style="3" customWidth="1"/>
    <col min="12087" max="12087" width="5.25" style="3" customWidth="1"/>
    <col min="12088" max="12088" width="6.125" style="3" customWidth="1"/>
    <col min="12089" max="12089" width="2" style="3" customWidth="1"/>
    <col min="12090" max="12296" width="9" style="3"/>
    <col min="12297" max="12301" width="1.75" style="3" customWidth="1"/>
    <col min="12302" max="12302" width="5.125" style="3" customWidth="1"/>
    <col min="12303" max="12320" width="4.125" style="3" customWidth="1"/>
    <col min="12321" max="12321" width="3.875" style="3" customWidth="1"/>
    <col min="12322" max="12322" width="2.125" style="3" customWidth="1"/>
    <col min="12323" max="12324" width="2" style="3" customWidth="1"/>
    <col min="12325" max="12325" width="2.125" style="3" customWidth="1"/>
    <col min="12326" max="12328" width="4.125" style="3" customWidth="1"/>
    <col min="12329" max="12329" width="3.625" style="3" customWidth="1"/>
    <col min="12330" max="12330" width="0.5" style="3" customWidth="1"/>
    <col min="12331" max="12334" width="4.125" style="3" customWidth="1"/>
    <col min="12335" max="12339" width="2.375" style="3" customWidth="1"/>
    <col min="12340" max="12341" width="4.25" style="3" customWidth="1"/>
    <col min="12342" max="12342" width="2.25" style="3" customWidth="1"/>
    <col min="12343" max="12343" width="5.25" style="3" customWidth="1"/>
    <col min="12344" max="12344" width="6.125" style="3" customWidth="1"/>
    <col min="12345" max="12345" width="2" style="3" customWidth="1"/>
    <col min="12346" max="12552" width="9" style="3"/>
    <col min="12553" max="12557" width="1.75" style="3" customWidth="1"/>
    <col min="12558" max="12558" width="5.125" style="3" customWidth="1"/>
    <col min="12559" max="12576" width="4.125" style="3" customWidth="1"/>
    <col min="12577" max="12577" width="3.875" style="3" customWidth="1"/>
    <col min="12578" max="12578" width="2.125" style="3" customWidth="1"/>
    <col min="12579" max="12580" width="2" style="3" customWidth="1"/>
    <col min="12581" max="12581" width="2.125" style="3" customWidth="1"/>
    <col min="12582" max="12584" width="4.125" style="3" customWidth="1"/>
    <col min="12585" max="12585" width="3.625" style="3" customWidth="1"/>
    <col min="12586" max="12586" width="0.5" style="3" customWidth="1"/>
    <col min="12587" max="12590" width="4.125" style="3" customWidth="1"/>
    <col min="12591" max="12595" width="2.375" style="3" customWidth="1"/>
    <col min="12596" max="12597" width="4.25" style="3" customWidth="1"/>
    <col min="12598" max="12598" width="2.25" style="3" customWidth="1"/>
    <col min="12599" max="12599" width="5.25" style="3" customWidth="1"/>
    <col min="12600" max="12600" width="6.125" style="3" customWidth="1"/>
    <col min="12601" max="12601" width="2" style="3" customWidth="1"/>
    <col min="12602" max="12808" width="9" style="3"/>
    <col min="12809" max="12813" width="1.75" style="3" customWidth="1"/>
    <col min="12814" max="12814" width="5.125" style="3" customWidth="1"/>
    <col min="12815" max="12832" width="4.125" style="3" customWidth="1"/>
    <col min="12833" max="12833" width="3.875" style="3" customWidth="1"/>
    <col min="12834" max="12834" width="2.125" style="3" customWidth="1"/>
    <col min="12835" max="12836" width="2" style="3" customWidth="1"/>
    <col min="12837" max="12837" width="2.125" style="3" customWidth="1"/>
    <col min="12838" max="12840" width="4.125" style="3" customWidth="1"/>
    <col min="12841" max="12841" width="3.625" style="3" customWidth="1"/>
    <col min="12842" max="12842" width="0.5" style="3" customWidth="1"/>
    <col min="12843" max="12846" width="4.125" style="3" customWidth="1"/>
    <col min="12847" max="12851" width="2.375" style="3" customWidth="1"/>
    <col min="12852" max="12853" width="4.25" style="3" customWidth="1"/>
    <col min="12854" max="12854" width="2.25" style="3" customWidth="1"/>
    <col min="12855" max="12855" width="5.25" style="3" customWidth="1"/>
    <col min="12856" max="12856" width="6.125" style="3" customWidth="1"/>
    <col min="12857" max="12857" width="2" style="3" customWidth="1"/>
    <col min="12858" max="13064" width="9" style="3"/>
    <col min="13065" max="13069" width="1.75" style="3" customWidth="1"/>
    <col min="13070" max="13070" width="5.125" style="3" customWidth="1"/>
    <col min="13071" max="13088" width="4.125" style="3" customWidth="1"/>
    <col min="13089" max="13089" width="3.875" style="3" customWidth="1"/>
    <col min="13090" max="13090" width="2.125" style="3" customWidth="1"/>
    <col min="13091" max="13092" width="2" style="3" customWidth="1"/>
    <col min="13093" max="13093" width="2.125" style="3" customWidth="1"/>
    <col min="13094" max="13096" width="4.125" style="3" customWidth="1"/>
    <col min="13097" max="13097" width="3.625" style="3" customWidth="1"/>
    <col min="13098" max="13098" width="0.5" style="3" customWidth="1"/>
    <col min="13099" max="13102" width="4.125" style="3" customWidth="1"/>
    <col min="13103" max="13107" width="2.375" style="3" customWidth="1"/>
    <col min="13108" max="13109" width="4.25" style="3" customWidth="1"/>
    <col min="13110" max="13110" width="2.25" style="3" customWidth="1"/>
    <col min="13111" max="13111" width="5.25" style="3" customWidth="1"/>
    <col min="13112" max="13112" width="6.125" style="3" customWidth="1"/>
    <col min="13113" max="13113" width="2" style="3" customWidth="1"/>
    <col min="13114" max="13320" width="9" style="3"/>
    <col min="13321" max="13325" width="1.75" style="3" customWidth="1"/>
    <col min="13326" max="13326" width="5.125" style="3" customWidth="1"/>
    <col min="13327" max="13344" width="4.125" style="3" customWidth="1"/>
    <col min="13345" max="13345" width="3.875" style="3" customWidth="1"/>
    <col min="13346" max="13346" width="2.125" style="3" customWidth="1"/>
    <col min="13347" max="13348" width="2" style="3" customWidth="1"/>
    <col min="13349" max="13349" width="2.125" style="3" customWidth="1"/>
    <col min="13350" max="13352" width="4.125" style="3" customWidth="1"/>
    <col min="13353" max="13353" width="3.625" style="3" customWidth="1"/>
    <col min="13354" max="13354" width="0.5" style="3" customWidth="1"/>
    <col min="13355" max="13358" width="4.125" style="3" customWidth="1"/>
    <col min="13359" max="13363" width="2.375" style="3" customWidth="1"/>
    <col min="13364" max="13365" width="4.25" style="3" customWidth="1"/>
    <col min="13366" max="13366" width="2.25" style="3" customWidth="1"/>
    <col min="13367" max="13367" width="5.25" style="3" customWidth="1"/>
    <col min="13368" max="13368" width="6.125" style="3" customWidth="1"/>
    <col min="13369" max="13369" width="2" style="3" customWidth="1"/>
    <col min="13370" max="13576" width="9" style="3"/>
    <col min="13577" max="13581" width="1.75" style="3" customWidth="1"/>
    <col min="13582" max="13582" width="5.125" style="3" customWidth="1"/>
    <col min="13583" max="13600" width="4.125" style="3" customWidth="1"/>
    <col min="13601" max="13601" width="3.875" style="3" customWidth="1"/>
    <col min="13602" max="13602" width="2.125" style="3" customWidth="1"/>
    <col min="13603" max="13604" width="2" style="3" customWidth="1"/>
    <col min="13605" max="13605" width="2.125" style="3" customWidth="1"/>
    <col min="13606" max="13608" width="4.125" style="3" customWidth="1"/>
    <col min="13609" max="13609" width="3.625" style="3" customWidth="1"/>
    <col min="13610" max="13610" width="0.5" style="3" customWidth="1"/>
    <col min="13611" max="13614" width="4.125" style="3" customWidth="1"/>
    <col min="13615" max="13619" width="2.375" style="3" customWidth="1"/>
    <col min="13620" max="13621" width="4.25" style="3" customWidth="1"/>
    <col min="13622" max="13622" width="2.25" style="3" customWidth="1"/>
    <col min="13623" max="13623" width="5.25" style="3" customWidth="1"/>
    <col min="13624" max="13624" width="6.125" style="3" customWidth="1"/>
    <col min="13625" max="13625" width="2" style="3" customWidth="1"/>
    <col min="13626" max="13832" width="9" style="3"/>
    <col min="13833" max="13837" width="1.75" style="3" customWidth="1"/>
    <col min="13838" max="13838" width="5.125" style="3" customWidth="1"/>
    <col min="13839" max="13856" width="4.125" style="3" customWidth="1"/>
    <col min="13857" max="13857" width="3.875" style="3" customWidth="1"/>
    <col min="13858" max="13858" width="2.125" style="3" customWidth="1"/>
    <col min="13859" max="13860" width="2" style="3" customWidth="1"/>
    <col min="13861" max="13861" width="2.125" style="3" customWidth="1"/>
    <col min="13862" max="13864" width="4.125" style="3" customWidth="1"/>
    <col min="13865" max="13865" width="3.625" style="3" customWidth="1"/>
    <col min="13866" max="13866" width="0.5" style="3" customWidth="1"/>
    <col min="13867" max="13870" width="4.125" style="3" customWidth="1"/>
    <col min="13871" max="13875" width="2.375" style="3" customWidth="1"/>
    <col min="13876" max="13877" width="4.25" style="3" customWidth="1"/>
    <col min="13878" max="13878" width="2.25" style="3" customWidth="1"/>
    <col min="13879" max="13879" width="5.25" style="3" customWidth="1"/>
    <col min="13880" max="13880" width="6.125" style="3" customWidth="1"/>
    <col min="13881" max="13881" width="2" style="3" customWidth="1"/>
    <col min="13882" max="14088" width="9" style="3"/>
    <col min="14089" max="14093" width="1.75" style="3" customWidth="1"/>
    <col min="14094" max="14094" width="5.125" style="3" customWidth="1"/>
    <col min="14095" max="14112" width="4.125" style="3" customWidth="1"/>
    <col min="14113" max="14113" width="3.875" style="3" customWidth="1"/>
    <col min="14114" max="14114" width="2.125" style="3" customWidth="1"/>
    <col min="14115" max="14116" width="2" style="3" customWidth="1"/>
    <col min="14117" max="14117" width="2.125" style="3" customWidth="1"/>
    <col min="14118" max="14120" width="4.125" style="3" customWidth="1"/>
    <col min="14121" max="14121" width="3.625" style="3" customWidth="1"/>
    <col min="14122" max="14122" width="0.5" style="3" customWidth="1"/>
    <col min="14123" max="14126" width="4.125" style="3" customWidth="1"/>
    <col min="14127" max="14131" width="2.375" style="3" customWidth="1"/>
    <col min="14132" max="14133" width="4.25" style="3" customWidth="1"/>
    <col min="14134" max="14134" width="2.25" style="3" customWidth="1"/>
    <col min="14135" max="14135" width="5.25" style="3" customWidth="1"/>
    <col min="14136" max="14136" width="6.125" style="3" customWidth="1"/>
    <col min="14137" max="14137" width="2" style="3" customWidth="1"/>
    <col min="14138" max="14344" width="9" style="3"/>
    <col min="14345" max="14349" width="1.75" style="3" customWidth="1"/>
    <col min="14350" max="14350" width="5.125" style="3" customWidth="1"/>
    <col min="14351" max="14368" width="4.125" style="3" customWidth="1"/>
    <col min="14369" max="14369" width="3.875" style="3" customWidth="1"/>
    <col min="14370" max="14370" width="2.125" style="3" customWidth="1"/>
    <col min="14371" max="14372" width="2" style="3" customWidth="1"/>
    <col min="14373" max="14373" width="2.125" style="3" customWidth="1"/>
    <col min="14374" max="14376" width="4.125" style="3" customWidth="1"/>
    <col min="14377" max="14377" width="3.625" style="3" customWidth="1"/>
    <col min="14378" max="14378" width="0.5" style="3" customWidth="1"/>
    <col min="14379" max="14382" width="4.125" style="3" customWidth="1"/>
    <col min="14383" max="14387" width="2.375" style="3" customWidth="1"/>
    <col min="14388" max="14389" width="4.25" style="3" customWidth="1"/>
    <col min="14390" max="14390" width="2.25" style="3" customWidth="1"/>
    <col min="14391" max="14391" width="5.25" style="3" customWidth="1"/>
    <col min="14392" max="14392" width="6.125" style="3" customWidth="1"/>
    <col min="14393" max="14393" width="2" style="3" customWidth="1"/>
    <col min="14394" max="14600" width="9" style="3"/>
    <col min="14601" max="14605" width="1.75" style="3" customWidth="1"/>
    <col min="14606" max="14606" width="5.125" style="3" customWidth="1"/>
    <col min="14607" max="14624" width="4.125" style="3" customWidth="1"/>
    <col min="14625" max="14625" width="3.875" style="3" customWidth="1"/>
    <col min="14626" max="14626" width="2.125" style="3" customWidth="1"/>
    <col min="14627" max="14628" width="2" style="3" customWidth="1"/>
    <col min="14629" max="14629" width="2.125" style="3" customWidth="1"/>
    <col min="14630" max="14632" width="4.125" style="3" customWidth="1"/>
    <col min="14633" max="14633" width="3.625" style="3" customWidth="1"/>
    <col min="14634" max="14634" width="0.5" style="3" customWidth="1"/>
    <col min="14635" max="14638" width="4.125" style="3" customWidth="1"/>
    <col min="14639" max="14643" width="2.375" style="3" customWidth="1"/>
    <col min="14644" max="14645" width="4.25" style="3" customWidth="1"/>
    <col min="14646" max="14646" width="2.25" style="3" customWidth="1"/>
    <col min="14647" max="14647" width="5.25" style="3" customWidth="1"/>
    <col min="14648" max="14648" width="6.125" style="3" customWidth="1"/>
    <col min="14649" max="14649" width="2" style="3" customWidth="1"/>
    <col min="14650" max="14856" width="9" style="3"/>
    <col min="14857" max="14861" width="1.75" style="3" customWidth="1"/>
    <col min="14862" max="14862" width="5.125" style="3" customWidth="1"/>
    <col min="14863" max="14880" width="4.125" style="3" customWidth="1"/>
    <col min="14881" max="14881" width="3.875" style="3" customWidth="1"/>
    <col min="14882" max="14882" width="2.125" style="3" customWidth="1"/>
    <col min="14883" max="14884" width="2" style="3" customWidth="1"/>
    <col min="14885" max="14885" width="2.125" style="3" customWidth="1"/>
    <col min="14886" max="14888" width="4.125" style="3" customWidth="1"/>
    <col min="14889" max="14889" width="3.625" style="3" customWidth="1"/>
    <col min="14890" max="14890" width="0.5" style="3" customWidth="1"/>
    <col min="14891" max="14894" width="4.125" style="3" customWidth="1"/>
    <col min="14895" max="14899" width="2.375" style="3" customWidth="1"/>
    <col min="14900" max="14901" width="4.25" style="3" customWidth="1"/>
    <col min="14902" max="14902" width="2.25" style="3" customWidth="1"/>
    <col min="14903" max="14903" width="5.25" style="3" customWidth="1"/>
    <col min="14904" max="14904" width="6.125" style="3" customWidth="1"/>
    <col min="14905" max="14905" width="2" style="3" customWidth="1"/>
    <col min="14906" max="15112" width="9" style="3"/>
    <col min="15113" max="15117" width="1.75" style="3" customWidth="1"/>
    <col min="15118" max="15118" width="5.125" style="3" customWidth="1"/>
    <col min="15119" max="15136" width="4.125" style="3" customWidth="1"/>
    <col min="15137" max="15137" width="3.875" style="3" customWidth="1"/>
    <col min="15138" max="15138" width="2.125" style="3" customWidth="1"/>
    <col min="15139" max="15140" width="2" style="3" customWidth="1"/>
    <col min="15141" max="15141" width="2.125" style="3" customWidth="1"/>
    <col min="15142" max="15144" width="4.125" style="3" customWidth="1"/>
    <col min="15145" max="15145" width="3.625" style="3" customWidth="1"/>
    <col min="15146" max="15146" width="0.5" style="3" customWidth="1"/>
    <col min="15147" max="15150" width="4.125" style="3" customWidth="1"/>
    <col min="15151" max="15155" width="2.375" style="3" customWidth="1"/>
    <col min="15156" max="15157" width="4.25" style="3" customWidth="1"/>
    <col min="15158" max="15158" width="2.25" style="3" customWidth="1"/>
    <col min="15159" max="15159" width="5.25" style="3" customWidth="1"/>
    <col min="15160" max="15160" width="6.125" style="3" customWidth="1"/>
    <col min="15161" max="15161" width="2" style="3" customWidth="1"/>
    <col min="15162" max="15368" width="9" style="3"/>
    <col min="15369" max="15373" width="1.75" style="3" customWidth="1"/>
    <col min="15374" max="15374" width="5.125" style="3" customWidth="1"/>
    <col min="15375" max="15392" width="4.125" style="3" customWidth="1"/>
    <col min="15393" max="15393" width="3.875" style="3" customWidth="1"/>
    <col min="15394" max="15394" width="2.125" style="3" customWidth="1"/>
    <col min="15395" max="15396" width="2" style="3" customWidth="1"/>
    <col min="15397" max="15397" width="2.125" style="3" customWidth="1"/>
    <col min="15398" max="15400" width="4.125" style="3" customWidth="1"/>
    <col min="15401" max="15401" width="3.625" style="3" customWidth="1"/>
    <col min="15402" max="15402" width="0.5" style="3" customWidth="1"/>
    <col min="15403" max="15406" width="4.125" style="3" customWidth="1"/>
    <col min="15407" max="15411" width="2.375" style="3" customWidth="1"/>
    <col min="15412" max="15413" width="4.25" style="3" customWidth="1"/>
    <col min="15414" max="15414" width="2.25" style="3" customWidth="1"/>
    <col min="15415" max="15415" width="5.25" style="3" customWidth="1"/>
    <col min="15416" max="15416" width="6.125" style="3" customWidth="1"/>
    <col min="15417" max="15417" width="2" style="3" customWidth="1"/>
    <col min="15418" max="15624" width="9" style="3"/>
    <col min="15625" max="15629" width="1.75" style="3" customWidth="1"/>
    <col min="15630" max="15630" width="5.125" style="3" customWidth="1"/>
    <col min="15631" max="15648" width="4.125" style="3" customWidth="1"/>
    <col min="15649" max="15649" width="3.875" style="3" customWidth="1"/>
    <col min="15650" max="15650" width="2.125" style="3" customWidth="1"/>
    <col min="15651" max="15652" width="2" style="3" customWidth="1"/>
    <col min="15653" max="15653" width="2.125" style="3" customWidth="1"/>
    <col min="15654" max="15656" width="4.125" style="3" customWidth="1"/>
    <col min="15657" max="15657" width="3.625" style="3" customWidth="1"/>
    <col min="15658" max="15658" width="0.5" style="3" customWidth="1"/>
    <col min="15659" max="15662" width="4.125" style="3" customWidth="1"/>
    <col min="15663" max="15667" width="2.375" style="3" customWidth="1"/>
    <col min="15668" max="15669" width="4.25" style="3" customWidth="1"/>
    <col min="15670" max="15670" width="2.25" style="3" customWidth="1"/>
    <col min="15671" max="15671" width="5.25" style="3" customWidth="1"/>
    <col min="15672" max="15672" width="6.125" style="3" customWidth="1"/>
    <col min="15673" max="15673" width="2" style="3" customWidth="1"/>
    <col min="15674" max="15880" width="9" style="3"/>
    <col min="15881" max="15885" width="1.75" style="3" customWidth="1"/>
    <col min="15886" max="15886" width="5.125" style="3" customWidth="1"/>
    <col min="15887" max="15904" width="4.125" style="3" customWidth="1"/>
    <col min="15905" max="15905" width="3.875" style="3" customWidth="1"/>
    <col min="15906" max="15906" width="2.125" style="3" customWidth="1"/>
    <col min="15907" max="15908" width="2" style="3" customWidth="1"/>
    <col min="15909" max="15909" width="2.125" style="3" customWidth="1"/>
    <col min="15910" max="15912" width="4.125" style="3" customWidth="1"/>
    <col min="15913" max="15913" width="3.625" style="3" customWidth="1"/>
    <col min="15914" max="15914" width="0.5" style="3" customWidth="1"/>
    <col min="15915" max="15918" width="4.125" style="3" customWidth="1"/>
    <col min="15919" max="15923" width="2.375" style="3" customWidth="1"/>
    <col min="15924" max="15925" width="4.25" style="3" customWidth="1"/>
    <col min="15926" max="15926" width="2.25" style="3" customWidth="1"/>
    <col min="15927" max="15927" width="5.25" style="3" customWidth="1"/>
    <col min="15928" max="15928" width="6.125" style="3" customWidth="1"/>
    <col min="15929" max="15929" width="2" style="3" customWidth="1"/>
    <col min="15930" max="16136" width="9" style="3"/>
    <col min="16137" max="16141" width="1.75" style="3" customWidth="1"/>
    <col min="16142" max="16142" width="5.125" style="3" customWidth="1"/>
    <col min="16143" max="16160" width="4.125" style="3" customWidth="1"/>
    <col min="16161" max="16161" width="3.875" style="3" customWidth="1"/>
    <col min="16162" max="16162" width="2.125" style="3" customWidth="1"/>
    <col min="16163" max="16164" width="2" style="3" customWidth="1"/>
    <col min="16165" max="16165" width="2.125" style="3" customWidth="1"/>
    <col min="16166" max="16168" width="4.125" style="3" customWidth="1"/>
    <col min="16169" max="16169" width="3.625" style="3" customWidth="1"/>
    <col min="16170" max="16170" width="0.5" style="3" customWidth="1"/>
    <col min="16171" max="16174" width="4.125" style="3" customWidth="1"/>
    <col min="16175" max="16179" width="2.375" style="3" customWidth="1"/>
    <col min="16180" max="16181" width="4.25" style="3" customWidth="1"/>
    <col min="16182" max="16182" width="2.25" style="3" customWidth="1"/>
    <col min="16183" max="16183" width="5.25" style="3" customWidth="1"/>
    <col min="16184" max="16184" width="6.125" style="3" customWidth="1"/>
    <col min="16185" max="16185" width="2" style="3" customWidth="1"/>
    <col min="16186" max="16384" width="9" style="3"/>
  </cols>
  <sheetData>
    <row r="1" spans="1:56" ht="9.75" customHeight="1">
      <c r="I1" s="15"/>
      <c r="J1" s="12"/>
      <c r="K1" s="12"/>
      <c r="L1" s="12"/>
      <c r="M1" s="400" t="s">
        <v>75</v>
      </c>
      <c r="N1" s="400"/>
      <c r="O1" s="400"/>
      <c r="P1" s="400"/>
      <c r="Q1" s="400"/>
      <c r="R1" s="400"/>
      <c r="S1" s="16"/>
      <c r="T1" s="16"/>
      <c r="U1" s="16"/>
      <c r="V1" s="16"/>
      <c r="W1" s="16"/>
      <c r="X1" s="16"/>
      <c r="Y1" s="17"/>
      <c r="Z1" s="17"/>
      <c r="AA1" s="17"/>
      <c r="AB1" s="16"/>
      <c r="AC1" s="16"/>
      <c r="AD1" s="16"/>
      <c r="AE1" s="16"/>
      <c r="AF1" s="16"/>
      <c r="AG1" s="12"/>
      <c r="AH1" s="12"/>
      <c r="AI1" s="12"/>
      <c r="AJ1" s="12"/>
      <c r="AK1" s="12"/>
      <c r="AL1" s="12"/>
      <c r="AM1" s="12"/>
      <c r="AN1" s="12"/>
      <c r="AO1" s="12"/>
      <c r="AP1" s="12"/>
      <c r="AQ1" s="12"/>
      <c r="AR1" s="12"/>
      <c r="AS1" s="12"/>
      <c r="AT1" s="12"/>
      <c r="AU1" s="12"/>
      <c r="AV1" s="12"/>
      <c r="AW1" s="12"/>
      <c r="AX1" s="12"/>
      <c r="AY1" s="12"/>
      <c r="AZ1" s="12"/>
      <c r="BA1" s="12"/>
      <c r="BB1" s="12"/>
      <c r="BC1" s="12"/>
      <c r="BD1" s="12"/>
    </row>
    <row r="2" spans="1:56" ht="12.6" customHeight="1">
      <c r="A2" s="4"/>
      <c r="B2" s="4"/>
      <c r="C2" s="4"/>
      <c r="D2" s="396" t="s">
        <v>80</v>
      </c>
      <c r="E2" s="396"/>
      <c r="F2" s="4"/>
      <c r="G2" s="5"/>
      <c r="H2" s="5"/>
      <c r="I2" s="18"/>
      <c r="J2" s="12"/>
      <c r="K2" s="12"/>
      <c r="L2" s="12"/>
      <c r="M2" s="400"/>
      <c r="N2" s="400"/>
      <c r="O2" s="400"/>
      <c r="P2" s="400"/>
      <c r="Q2" s="400"/>
      <c r="R2" s="400"/>
      <c r="S2" s="399" t="s">
        <v>96</v>
      </c>
      <c r="T2" s="399"/>
      <c r="U2" s="399"/>
      <c r="V2" s="399"/>
      <c r="W2" s="399"/>
      <c r="X2" s="399"/>
      <c r="Y2" s="399"/>
      <c r="Z2" s="399"/>
      <c r="AA2" s="399"/>
      <c r="AB2" s="399"/>
      <c r="AC2" s="399"/>
      <c r="AD2" s="399"/>
      <c r="AE2" s="399"/>
      <c r="AF2" s="399"/>
      <c r="AG2" s="399"/>
      <c r="AH2" s="399"/>
      <c r="AI2" s="399"/>
      <c r="AJ2" s="399"/>
      <c r="AK2" s="399"/>
      <c r="AL2" s="399"/>
      <c r="AM2" s="302" t="s">
        <v>99</v>
      </c>
      <c r="AN2" s="495" t="s">
        <v>120</v>
      </c>
      <c r="AO2" s="495"/>
      <c r="AP2" s="495"/>
      <c r="AQ2" s="495" t="s">
        <v>121</v>
      </c>
      <c r="AR2" s="495"/>
      <c r="AS2" s="495"/>
      <c r="AT2" s="495"/>
      <c r="AU2" s="495"/>
      <c r="AV2" s="495" t="s">
        <v>122</v>
      </c>
      <c r="AW2" s="495"/>
      <c r="AX2" s="495"/>
      <c r="AY2" s="495"/>
      <c r="AZ2" s="495"/>
      <c r="BA2" s="495" t="s">
        <v>123</v>
      </c>
      <c r="BB2" s="495"/>
      <c r="BC2" s="495"/>
      <c r="BD2" s="495"/>
    </row>
    <row r="3" spans="1:56" ht="12.6" customHeight="1">
      <c r="A3" s="4"/>
      <c r="B3" s="4"/>
      <c r="C3" s="4"/>
      <c r="D3" s="396"/>
      <c r="E3" s="396"/>
      <c r="F3" s="4"/>
      <c r="G3" s="5"/>
      <c r="H3" s="5"/>
      <c r="I3" s="18"/>
      <c r="J3" s="12"/>
      <c r="K3" s="12"/>
      <c r="L3" s="12"/>
      <c r="M3" s="304" t="s">
        <v>72</v>
      </c>
      <c r="N3" s="304"/>
      <c r="O3" s="304"/>
      <c r="P3" s="304"/>
      <c r="Q3" s="304"/>
      <c r="R3" s="304"/>
      <c r="S3" s="399"/>
      <c r="T3" s="399"/>
      <c r="U3" s="399"/>
      <c r="V3" s="399"/>
      <c r="W3" s="399"/>
      <c r="X3" s="399"/>
      <c r="Y3" s="399"/>
      <c r="Z3" s="399"/>
      <c r="AA3" s="399"/>
      <c r="AB3" s="399"/>
      <c r="AC3" s="399"/>
      <c r="AD3" s="399"/>
      <c r="AE3" s="399"/>
      <c r="AF3" s="399"/>
      <c r="AG3" s="399"/>
      <c r="AH3" s="399"/>
      <c r="AI3" s="399"/>
      <c r="AJ3" s="399"/>
      <c r="AK3" s="399"/>
      <c r="AL3" s="399"/>
      <c r="AM3" s="302"/>
      <c r="AN3" s="507"/>
      <c r="AO3" s="508"/>
      <c r="AP3" s="509"/>
      <c r="AQ3" s="507"/>
      <c r="AR3" s="508"/>
      <c r="AS3" s="508"/>
      <c r="AT3" s="508"/>
      <c r="AU3" s="509"/>
      <c r="AV3" s="507"/>
      <c r="AW3" s="508"/>
      <c r="AX3" s="508"/>
      <c r="AY3" s="508"/>
      <c r="AZ3" s="509"/>
      <c r="BA3" s="507"/>
      <c r="BB3" s="508"/>
      <c r="BC3" s="508"/>
      <c r="BD3" s="509"/>
    </row>
    <row r="4" spans="1:56" ht="9.9499999999999993" customHeight="1">
      <c r="A4" s="4"/>
      <c r="B4" s="4"/>
      <c r="C4" s="4"/>
      <c r="D4" s="396"/>
      <c r="E4" s="396"/>
      <c r="F4" s="4"/>
      <c r="G4" s="5"/>
      <c r="H4" s="5"/>
      <c r="I4" s="18"/>
      <c r="J4" s="12"/>
      <c r="K4" s="12"/>
      <c r="L4" s="12"/>
      <c r="M4" s="304"/>
      <c r="N4" s="304"/>
      <c r="O4" s="304"/>
      <c r="P4" s="304"/>
      <c r="Q4" s="304"/>
      <c r="R4" s="304"/>
      <c r="S4" s="19"/>
      <c r="T4" s="19"/>
      <c r="U4" s="19"/>
      <c r="V4" s="19"/>
      <c r="W4" s="19"/>
      <c r="X4" s="19"/>
      <c r="Y4" s="20"/>
      <c r="Z4" s="20"/>
      <c r="AA4" s="20"/>
      <c r="AB4" s="19"/>
      <c r="AC4" s="19"/>
      <c r="AD4" s="19"/>
      <c r="AE4" s="19"/>
      <c r="AF4" s="19"/>
      <c r="AG4" s="21"/>
      <c r="AH4" s="21"/>
      <c r="AI4" s="305"/>
      <c r="AJ4" s="305"/>
      <c r="AK4" s="305"/>
      <c r="AL4" s="305"/>
      <c r="AM4" s="302"/>
      <c r="AN4" s="510"/>
      <c r="AO4" s="376"/>
      <c r="AP4" s="511"/>
      <c r="AQ4" s="510"/>
      <c r="AR4" s="376"/>
      <c r="AS4" s="376"/>
      <c r="AT4" s="376"/>
      <c r="AU4" s="511"/>
      <c r="AV4" s="510"/>
      <c r="AW4" s="376"/>
      <c r="AX4" s="376"/>
      <c r="AY4" s="376"/>
      <c r="AZ4" s="511"/>
      <c r="BA4" s="510"/>
      <c r="BB4" s="376"/>
      <c r="BC4" s="376"/>
      <c r="BD4" s="511"/>
    </row>
    <row r="5" spans="1:56" ht="15.75" customHeight="1" thickBot="1">
      <c r="A5" s="271" t="s">
        <v>94</v>
      </c>
      <c r="B5" s="272" t="s">
        <v>132</v>
      </c>
      <c r="C5" s="272" t="s">
        <v>133</v>
      </c>
      <c r="D5" s="272" t="s">
        <v>134</v>
      </c>
      <c r="E5" s="272" t="s">
        <v>95</v>
      </c>
      <c r="F5" s="271" t="s">
        <v>82</v>
      </c>
      <c r="G5" s="271" t="s">
        <v>81</v>
      </c>
      <c r="H5" s="6"/>
      <c r="I5" s="22"/>
      <c r="J5" s="12" t="s">
        <v>78</v>
      </c>
      <c r="K5" s="23"/>
      <c r="L5" s="12"/>
      <c r="M5" s="24"/>
      <c r="N5" s="12"/>
      <c r="O5" s="12"/>
      <c r="P5" s="12"/>
      <c r="Q5" s="12"/>
      <c r="R5" s="12"/>
      <c r="S5" s="12"/>
      <c r="T5" s="12"/>
      <c r="U5" s="12"/>
      <c r="V5" s="12"/>
      <c r="W5" s="12"/>
      <c r="X5" s="12"/>
      <c r="Y5" s="12"/>
      <c r="Z5" s="12"/>
      <c r="AA5" s="12"/>
      <c r="AB5" s="25"/>
      <c r="AC5" s="12"/>
      <c r="AD5" s="12"/>
      <c r="AE5" s="12"/>
      <c r="AF5" s="12"/>
      <c r="AG5" s="12"/>
      <c r="AH5" s="12"/>
      <c r="AI5" s="154"/>
      <c r="AJ5" s="154"/>
      <c r="AK5" s="154"/>
      <c r="AL5" s="154"/>
      <c r="AM5" s="303"/>
      <c r="AN5" s="512"/>
      <c r="AO5" s="513"/>
      <c r="AP5" s="514"/>
      <c r="AQ5" s="512"/>
      <c r="AR5" s="513"/>
      <c r="AS5" s="513"/>
      <c r="AT5" s="513"/>
      <c r="AU5" s="514"/>
      <c r="AV5" s="512"/>
      <c r="AW5" s="513"/>
      <c r="AX5" s="513"/>
      <c r="AY5" s="513"/>
      <c r="AZ5" s="514"/>
      <c r="BA5" s="512"/>
      <c r="BB5" s="513"/>
      <c r="BC5" s="513"/>
      <c r="BD5" s="514"/>
    </row>
    <row r="6" spans="1:56" ht="13.5" customHeight="1">
      <c r="A6" s="271"/>
      <c r="B6" s="272"/>
      <c r="C6" s="272"/>
      <c r="D6" s="272"/>
      <c r="E6" s="272"/>
      <c r="F6" s="271"/>
      <c r="G6" s="271"/>
      <c r="H6" s="6"/>
      <c r="I6" s="211" t="s">
        <v>100</v>
      </c>
      <c r="J6" s="26"/>
      <c r="K6" s="26"/>
      <c r="L6" s="26"/>
      <c r="M6" s="26"/>
      <c r="N6" s="26"/>
      <c r="O6" s="26"/>
      <c r="P6" s="26"/>
      <c r="Q6" s="27"/>
      <c r="R6" s="306" t="s">
        <v>0</v>
      </c>
      <c r="S6" s="369" t="s">
        <v>1</v>
      </c>
      <c r="T6" s="372" t="s">
        <v>30</v>
      </c>
      <c r="U6" s="373"/>
      <c r="V6" s="374"/>
      <c r="W6" s="28" t="s">
        <v>2</v>
      </c>
      <c r="X6" s="378"/>
      <c r="Y6" s="378"/>
      <c r="Z6" s="378"/>
      <c r="AA6" s="29"/>
      <c r="AB6" s="30"/>
      <c r="AC6" s="30"/>
      <c r="AD6" s="30"/>
      <c r="AE6" s="30"/>
      <c r="AF6" s="30"/>
      <c r="AG6" s="30"/>
      <c r="AH6" s="30"/>
      <c r="AI6" s="30"/>
      <c r="AJ6" s="30"/>
      <c r="AK6" s="30"/>
      <c r="AL6" s="30"/>
      <c r="AM6" s="379" t="s">
        <v>20</v>
      </c>
      <c r="AN6" s="380"/>
      <c r="AO6" s="380"/>
      <c r="AP6" s="381"/>
      <c r="AQ6" s="31"/>
      <c r="AR6" s="32"/>
      <c r="AS6" s="32"/>
      <c r="AT6" s="32"/>
      <c r="AU6" s="32"/>
      <c r="AV6" s="32"/>
      <c r="AW6" s="32"/>
      <c r="AX6" s="32"/>
      <c r="AY6" s="32"/>
      <c r="AZ6" s="33"/>
      <c r="BA6" s="465" t="s">
        <v>148</v>
      </c>
      <c r="BB6" s="465"/>
      <c r="BC6" s="465"/>
      <c r="BD6" s="466"/>
    </row>
    <row r="7" spans="1:56" ht="12.6" customHeight="1">
      <c r="A7" s="271"/>
      <c r="B7" s="272"/>
      <c r="C7" s="272"/>
      <c r="D7" s="272"/>
      <c r="E7" s="272"/>
      <c r="F7" s="271"/>
      <c r="G7" s="271"/>
      <c r="H7" s="6"/>
      <c r="I7" s="212"/>
      <c r="J7" s="397"/>
      <c r="K7" s="398"/>
      <c r="L7" s="398"/>
      <c r="M7" s="398"/>
      <c r="N7" s="34"/>
      <c r="O7" s="35"/>
      <c r="P7" s="35"/>
      <c r="Q7" s="36"/>
      <c r="R7" s="307"/>
      <c r="S7" s="370"/>
      <c r="T7" s="375"/>
      <c r="U7" s="376"/>
      <c r="V7" s="377"/>
      <c r="W7" s="392"/>
      <c r="X7" s="393"/>
      <c r="Y7" s="393"/>
      <c r="Z7" s="393"/>
      <c r="AA7" s="393"/>
      <c r="AB7" s="393"/>
      <c r="AC7" s="393"/>
      <c r="AD7" s="393"/>
      <c r="AE7" s="393"/>
      <c r="AF7" s="393"/>
      <c r="AG7" s="393"/>
      <c r="AH7" s="393"/>
      <c r="AI7" s="393"/>
      <c r="AJ7" s="393"/>
      <c r="AK7" s="393"/>
      <c r="AL7" s="37"/>
      <c r="AM7" s="382"/>
      <c r="AN7" s="383"/>
      <c r="AO7" s="383"/>
      <c r="AP7" s="384"/>
      <c r="AQ7" s="38"/>
      <c r="AR7" s="39"/>
      <c r="AS7" s="39"/>
      <c r="AT7" s="39"/>
      <c r="AU7" s="39"/>
      <c r="AV7" s="39"/>
      <c r="AW7" s="39"/>
      <c r="AX7" s="39"/>
      <c r="AY7" s="39"/>
      <c r="AZ7" s="40"/>
      <c r="BA7" s="467"/>
      <c r="BB7" s="467"/>
      <c r="BC7" s="467"/>
      <c r="BD7" s="468"/>
    </row>
    <row r="8" spans="1:56" ht="12.6" customHeight="1">
      <c r="A8" s="271"/>
      <c r="B8" s="272"/>
      <c r="C8" s="272"/>
      <c r="D8" s="272"/>
      <c r="E8" s="272"/>
      <c r="F8" s="271"/>
      <c r="G8" s="271"/>
      <c r="H8" s="6"/>
      <c r="I8" s="212"/>
      <c r="J8" s="35"/>
      <c r="K8" s="35"/>
      <c r="L8" s="35"/>
      <c r="M8" s="35"/>
      <c r="N8" s="35"/>
      <c r="O8" s="35"/>
      <c r="P8" s="35"/>
      <c r="Q8" s="36"/>
      <c r="R8" s="307"/>
      <c r="S8" s="370"/>
      <c r="T8" s="187"/>
      <c r="U8" s="176"/>
      <c r="V8" s="177"/>
      <c r="W8" s="394"/>
      <c r="X8" s="395"/>
      <c r="Y8" s="395"/>
      <c r="Z8" s="395"/>
      <c r="AA8" s="395"/>
      <c r="AB8" s="395"/>
      <c r="AC8" s="395"/>
      <c r="AD8" s="395"/>
      <c r="AE8" s="395"/>
      <c r="AF8" s="395"/>
      <c r="AG8" s="395"/>
      <c r="AH8" s="395"/>
      <c r="AI8" s="395"/>
      <c r="AJ8" s="395"/>
      <c r="AK8" s="395"/>
      <c r="AL8" s="41"/>
      <c r="AM8" s="341" t="s">
        <v>46</v>
      </c>
      <c r="AN8" s="173"/>
      <c r="AO8" s="173"/>
      <c r="AP8" s="174"/>
      <c r="AQ8" s="42"/>
      <c r="AR8" s="9"/>
      <c r="AS8" s="9"/>
      <c r="AT8" s="9"/>
      <c r="AU8" s="9"/>
      <c r="AV8" s="9"/>
      <c r="AW8" s="9"/>
      <c r="AX8" s="9"/>
      <c r="AY8" s="9"/>
      <c r="AZ8" s="43"/>
      <c r="BA8" s="467"/>
      <c r="BB8" s="467"/>
      <c r="BC8" s="467"/>
      <c r="BD8" s="468"/>
    </row>
    <row r="9" spans="1:56" ht="12.6" customHeight="1">
      <c r="A9" s="271"/>
      <c r="B9" s="272"/>
      <c r="C9" s="272"/>
      <c r="D9" s="272"/>
      <c r="E9" s="272"/>
      <c r="F9" s="271"/>
      <c r="G9" s="271"/>
      <c r="H9" s="6"/>
      <c r="I9" s="212"/>
      <c r="J9" s="35"/>
      <c r="K9" s="35"/>
      <c r="L9" s="35"/>
      <c r="M9" s="35"/>
      <c r="N9" s="35"/>
      <c r="O9" s="35"/>
      <c r="P9" s="35"/>
      <c r="Q9" s="36"/>
      <c r="R9" s="307"/>
      <c r="S9" s="370"/>
      <c r="T9" s="345" t="s">
        <v>67</v>
      </c>
      <c r="U9" s="346"/>
      <c r="V9" s="347"/>
      <c r="W9" s="348"/>
      <c r="X9" s="349"/>
      <c r="Y9" s="349"/>
      <c r="Z9" s="349"/>
      <c r="AA9" s="349"/>
      <c r="AB9" s="349"/>
      <c r="AC9" s="349"/>
      <c r="AD9" s="349"/>
      <c r="AE9" s="349"/>
      <c r="AF9" s="349"/>
      <c r="AG9" s="349"/>
      <c r="AH9" s="349"/>
      <c r="AI9" s="349"/>
      <c r="AJ9" s="349"/>
      <c r="AK9" s="349"/>
      <c r="AL9" s="349"/>
      <c r="AM9" s="342"/>
      <c r="AN9" s="343"/>
      <c r="AO9" s="343"/>
      <c r="AP9" s="344"/>
      <c r="AQ9" s="44"/>
      <c r="AR9" s="45"/>
      <c r="AS9" s="45"/>
      <c r="AT9" s="45"/>
      <c r="AU9" s="45"/>
      <c r="AV9" s="45"/>
      <c r="AW9" s="45"/>
      <c r="AX9" s="45"/>
      <c r="AY9" s="45"/>
      <c r="AZ9" s="46"/>
      <c r="BA9" s="469"/>
      <c r="BB9" s="469"/>
      <c r="BC9" s="469"/>
      <c r="BD9" s="470"/>
    </row>
    <row r="10" spans="1:56" ht="12" customHeight="1">
      <c r="A10" s="271"/>
      <c r="B10" s="272"/>
      <c r="C10" s="272"/>
      <c r="D10" s="272"/>
      <c r="E10" s="272"/>
      <c r="F10" s="271"/>
      <c r="G10" s="271"/>
      <c r="H10" s="6"/>
      <c r="I10" s="212"/>
      <c r="J10" s="47"/>
      <c r="K10" s="47"/>
      <c r="L10" s="47" t="s">
        <v>37</v>
      </c>
      <c r="M10" s="47"/>
      <c r="N10" s="47" t="s">
        <v>38</v>
      </c>
      <c r="O10" s="47"/>
      <c r="P10" s="179" t="s">
        <v>39</v>
      </c>
      <c r="Q10" s="180"/>
      <c r="R10" s="307"/>
      <c r="S10" s="370"/>
      <c r="T10" s="375" t="s">
        <v>29</v>
      </c>
      <c r="U10" s="376"/>
      <c r="V10" s="377"/>
      <c r="W10" s="392"/>
      <c r="X10" s="393"/>
      <c r="Y10" s="393"/>
      <c r="Z10" s="393"/>
      <c r="AA10" s="393"/>
      <c r="AB10" s="393"/>
      <c r="AC10" s="393"/>
      <c r="AD10" s="393"/>
      <c r="AE10" s="393"/>
      <c r="AF10" s="393"/>
      <c r="AG10" s="393"/>
      <c r="AH10" s="393"/>
      <c r="AI10" s="393"/>
      <c r="AJ10" s="393"/>
      <c r="AK10" s="393"/>
      <c r="AL10" s="48"/>
      <c r="AM10" s="350" t="s">
        <v>147</v>
      </c>
      <c r="AN10" s="351"/>
      <c r="AO10" s="351"/>
      <c r="AP10" s="352"/>
      <c r="AQ10" s="184" t="s">
        <v>26</v>
      </c>
      <c r="AR10" s="180"/>
      <c r="AS10" s="263"/>
      <c r="AT10" s="264"/>
      <c r="AU10" s="264"/>
      <c r="AV10" s="264"/>
      <c r="AW10" s="264"/>
      <c r="AX10" s="264"/>
      <c r="AY10" s="264"/>
      <c r="AZ10" s="264"/>
      <c r="BA10" s="264"/>
      <c r="BB10" s="264"/>
      <c r="BC10" s="264"/>
      <c r="BD10" s="265"/>
    </row>
    <row r="11" spans="1:56" ht="12.6" customHeight="1">
      <c r="A11" s="271"/>
      <c r="B11" s="272"/>
      <c r="C11" s="272"/>
      <c r="D11" s="272"/>
      <c r="E11" s="272"/>
      <c r="F11" s="271"/>
      <c r="G11" s="271"/>
      <c r="H11" s="6"/>
      <c r="I11" s="212"/>
      <c r="J11" s="35"/>
      <c r="K11" s="35"/>
      <c r="L11" s="35"/>
      <c r="M11" s="35"/>
      <c r="N11" s="35"/>
      <c r="O11" s="35"/>
      <c r="P11" s="35"/>
      <c r="Q11" s="36"/>
      <c r="R11" s="307"/>
      <c r="S11" s="370"/>
      <c r="T11" s="187"/>
      <c r="U11" s="176"/>
      <c r="V11" s="177"/>
      <c r="W11" s="394"/>
      <c r="X11" s="395"/>
      <c r="Y11" s="395"/>
      <c r="Z11" s="395"/>
      <c r="AA11" s="395"/>
      <c r="AB11" s="395"/>
      <c r="AC11" s="395"/>
      <c r="AD11" s="395"/>
      <c r="AE11" s="395"/>
      <c r="AF11" s="395"/>
      <c r="AG11" s="395"/>
      <c r="AH11" s="395"/>
      <c r="AI11" s="395"/>
      <c r="AJ11" s="395"/>
      <c r="AK11" s="395"/>
      <c r="AL11" s="49"/>
      <c r="AM11" s="353"/>
      <c r="AN11" s="354"/>
      <c r="AO11" s="354"/>
      <c r="AP11" s="355"/>
      <c r="AQ11" s="185"/>
      <c r="AR11" s="183"/>
      <c r="AS11" s="219"/>
      <c r="AT11" s="220"/>
      <c r="AU11" s="220"/>
      <c r="AV11" s="220"/>
      <c r="AW11" s="220"/>
      <c r="AX11" s="220"/>
      <c r="AY11" s="220"/>
      <c r="AZ11" s="220"/>
      <c r="BA11" s="220"/>
      <c r="BB11" s="220"/>
      <c r="BC11" s="220"/>
      <c r="BD11" s="266"/>
    </row>
    <row r="12" spans="1:56" ht="12.6" customHeight="1">
      <c r="A12" s="271"/>
      <c r="B12" s="272"/>
      <c r="C12" s="272"/>
      <c r="D12" s="272"/>
      <c r="E12" s="272"/>
      <c r="F12" s="271"/>
      <c r="G12" s="271"/>
      <c r="H12" s="6"/>
      <c r="I12" s="212"/>
      <c r="J12" s="35"/>
      <c r="K12" s="35"/>
      <c r="L12" s="35"/>
      <c r="M12" s="35"/>
      <c r="N12" s="35"/>
      <c r="O12" s="35"/>
      <c r="P12" s="35"/>
      <c r="Q12" s="36"/>
      <c r="R12" s="307"/>
      <c r="S12" s="370"/>
      <c r="T12" s="186" t="s">
        <v>153</v>
      </c>
      <c r="U12" s="173"/>
      <c r="V12" s="174"/>
      <c r="W12" s="273"/>
      <c r="X12" s="274"/>
      <c r="Y12" s="274"/>
      <c r="Z12" s="274"/>
      <c r="AA12" s="274"/>
      <c r="AB12" s="274"/>
      <c r="AC12" s="274"/>
      <c r="AD12" s="274"/>
      <c r="AE12" s="274"/>
      <c r="AF12" s="274"/>
      <c r="AG12" s="274"/>
      <c r="AH12" s="274"/>
      <c r="AI12" s="274"/>
      <c r="AJ12" s="274"/>
      <c r="AK12" s="275"/>
      <c r="AL12" s="12"/>
      <c r="AM12" s="353"/>
      <c r="AN12" s="354"/>
      <c r="AO12" s="354"/>
      <c r="AP12" s="355"/>
      <c r="AQ12" s="240" t="s">
        <v>3</v>
      </c>
      <c r="AR12" s="138"/>
      <c r="AS12" s="273"/>
      <c r="AT12" s="274"/>
      <c r="AU12" s="274"/>
      <c r="AV12" s="274"/>
      <c r="AW12" s="274"/>
      <c r="AX12" s="274"/>
      <c r="AY12" s="274"/>
      <c r="AZ12" s="274"/>
      <c r="BA12" s="274"/>
      <c r="BB12" s="274"/>
      <c r="BC12" s="274"/>
      <c r="BD12" s="278"/>
    </row>
    <row r="13" spans="1:56" ht="12.6" customHeight="1">
      <c r="A13" s="271"/>
      <c r="B13" s="272"/>
      <c r="C13" s="272"/>
      <c r="D13" s="272"/>
      <c r="E13" s="272"/>
      <c r="F13" s="271"/>
      <c r="G13" s="271"/>
      <c r="H13" s="6"/>
      <c r="I13" s="212"/>
      <c r="J13" s="484" t="s">
        <v>130</v>
      </c>
      <c r="K13" s="485"/>
      <c r="L13" s="485"/>
      <c r="M13" s="485"/>
      <c r="N13" s="485"/>
      <c r="O13" s="485"/>
      <c r="P13" s="50"/>
      <c r="Q13" s="51"/>
      <c r="R13" s="307"/>
      <c r="S13" s="370"/>
      <c r="T13" s="187"/>
      <c r="U13" s="176"/>
      <c r="V13" s="177"/>
      <c r="W13" s="219"/>
      <c r="X13" s="220"/>
      <c r="Y13" s="220"/>
      <c r="Z13" s="220"/>
      <c r="AA13" s="220"/>
      <c r="AB13" s="220"/>
      <c r="AC13" s="220"/>
      <c r="AD13" s="220"/>
      <c r="AE13" s="220"/>
      <c r="AF13" s="220"/>
      <c r="AG13" s="220"/>
      <c r="AH13" s="220"/>
      <c r="AI13" s="220"/>
      <c r="AJ13" s="220"/>
      <c r="AK13" s="276"/>
      <c r="AL13" s="12"/>
      <c r="AM13" s="353"/>
      <c r="AN13" s="354"/>
      <c r="AO13" s="354"/>
      <c r="AP13" s="355"/>
      <c r="AQ13" s="184"/>
      <c r="AR13" s="180"/>
      <c r="AS13" s="263"/>
      <c r="AT13" s="264"/>
      <c r="AU13" s="264"/>
      <c r="AV13" s="264"/>
      <c r="AW13" s="264"/>
      <c r="AX13" s="264"/>
      <c r="AY13" s="264"/>
      <c r="AZ13" s="264"/>
      <c r="BA13" s="264"/>
      <c r="BB13" s="264"/>
      <c r="BC13" s="264"/>
      <c r="BD13" s="265"/>
    </row>
    <row r="14" spans="1:56" ht="12.6" customHeight="1">
      <c r="A14" s="271"/>
      <c r="B14" s="272"/>
      <c r="C14" s="272"/>
      <c r="D14" s="272"/>
      <c r="E14" s="272"/>
      <c r="F14" s="271"/>
      <c r="G14" s="271"/>
      <c r="H14" s="6"/>
      <c r="I14" s="212"/>
      <c r="J14" s="484"/>
      <c r="K14" s="485"/>
      <c r="L14" s="485"/>
      <c r="M14" s="485"/>
      <c r="N14" s="485"/>
      <c r="O14" s="485"/>
      <c r="P14" s="50"/>
      <c r="Q14" s="51"/>
      <c r="R14" s="307"/>
      <c r="S14" s="370"/>
      <c r="T14" s="375" t="s">
        <v>31</v>
      </c>
      <c r="U14" s="376"/>
      <c r="V14" s="377"/>
      <c r="W14" s="166"/>
      <c r="X14" s="386"/>
      <c r="Y14" s="136"/>
      <c r="Z14" s="136"/>
      <c r="AA14" s="388"/>
      <c r="AB14" s="386"/>
      <c r="AC14" s="136"/>
      <c r="AD14" s="281"/>
      <c r="AE14" s="390"/>
      <c r="AF14" s="281"/>
      <c r="AG14" s="138"/>
      <c r="AH14" s="386"/>
      <c r="AI14" s="136"/>
      <c r="AJ14" s="136"/>
      <c r="AK14" s="281"/>
      <c r="AL14" s="138"/>
      <c r="AM14" s="353"/>
      <c r="AN14" s="354"/>
      <c r="AO14" s="354"/>
      <c r="AP14" s="355"/>
      <c r="AQ14" s="185"/>
      <c r="AR14" s="183"/>
      <c r="AS14" s="219"/>
      <c r="AT14" s="220"/>
      <c r="AU14" s="220"/>
      <c r="AV14" s="220"/>
      <c r="AW14" s="220"/>
      <c r="AX14" s="220"/>
      <c r="AY14" s="220"/>
      <c r="AZ14" s="220"/>
      <c r="BA14" s="220"/>
      <c r="BB14" s="220"/>
      <c r="BC14" s="220"/>
      <c r="BD14" s="266"/>
    </row>
    <row r="15" spans="1:56" ht="12.6" customHeight="1">
      <c r="A15" s="271"/>
      <c r="B15" s="272"/>
      <c r="C15" s="272"/>
      <c r="D15" s="272"/>
      <c r="E15" s="272"/>
      <c r="F15" s="271"/>
      <c r="G15" s="271"/>
      <c r="H15" s="6"/>
      <c r="I15" s="212"/>
      <c r="J15" s="52"/>
      <c r="K15" s="52"/>
      <c r="L15" s="52"/>
      <c r="M15" s="52"/>
      <c r="N15" s="52"/>
      <c r="O15" s="52"/>
      <c r="P15" s="52"/>
      <c r="Q15" s="53"/>
      <c r="R15" s="308"/>
      <c r="S15" s="371"/>
      <c r="T15" s="187"/>
      <c r="U15" s="176"/>
      <c r="V15" s="177"/>
      <c r="W15" s="385"/>
      <c r="X15" s="387"/>
      <c r="Y15" s="368"/>
      <c r="Z15" s="368"/>
      <c r="AA15" s="389"/>
      <c r="AB15" s="387"/>
      <c r="AC15" s="368"/>
      <c r="AD15" s="282"/>
      <c r="AE15" s="391"/>
      <c r="AF15" s="282"/>
      <c r="AG15" s="183"/>
      <c r="AH15" s="387"/>
      <c r="AI15" s="368"/>
      <c r="AJ15" s="368"/>
      <c r="AK15" s="282"/>
      <c r="AL15" s="183"/>
      <c r="AM15" s="353"/>
      <c r="AN15" s="354"/>
      <c r="AO15" s="354"/>
      <c r="AP15" s="355"/>
      <c r="AQ15" s="240" t="s">
        <v>4</v>
      </c>
      <c r="AR15" s="138"/>
      <c r="AS15" s="273"/>
      <c r="AT15" s="274"/>
      <c r="AU15" s="274"/>
      <c r="AV15" s="274"/>
      <c r="AW15" s="274"/>
      <c r="AX15" s="274"/>
      <c r="AY15" s="274"/>
      <c r="AZ15" s="274"/>
      <c r="BA15" s="274"/>
      <c r="BB15" s="274"/>
      <c r="BC15" s="274"/>
      <c r="BD15" s="278"/>
    </row>
    <row r="16" spans="1:56" ht="13.5" customHeight="1">
      <c r="A16" s="271"/>
      <c r="B16" s="272"/>
      <c r="C16" s="272"/>
      <c r="D16" s="272"/>
      <c r="E16" s="272"/>
      <c r="F16" s="271"/>
      <c r="G16" s="271"/>
      <c r="H16" s="6"/>
      <c r="I16" s="212"/>
      <c r="J16" s="359" t="s">
        <v>32</v>
      </c>
      <c r="K16" s="359"/>
      <c r="L16" s="359"/>
      <c r="M16" s="359"/>
      <c r="N16" s="359"/>
      <c r="O16" s="359"/>
      <c r="P16" s="359"/>
      <c r="Q16" s="359"/>
      <c r="R16" s="359"/>
      <c r="S16" s="359"/>
      <c r="T16" s="359"/>
      <c r="U16" s="359"/>
      <c r="V16" s="359"/>
      <c r="W16" s="359"/>
      <c r="X16" s="359"/>
      <c r="Y16" s="360"/>
      <c r="Z16" s="309" t="s">
        <v>5</v>
      </c>
      <c r="AA16" s="310"/>
      <c r="AB16" s="311"/>
      <c r="AC16" s="309" t="s">
        <v>6</v>
      </c>
      <c r="AD16" s="310"/>
      <c r="AE16" s="310"/>
      <c r="AF16" s="311"/>
      <c r="AG16" s="309" t="s">
        <v>7</v>
      </c>
      <c r="AH16" s="310"/>
      <c r="AI16" s="311"/>
      <c r="AJ16" s="283" t="s">
        <v>10</v>
      </c>
      <c r="AK16" s="284"/>
      <c r="AL16" s="285"/>
      <c r="AM16" s="353"/>
      <c r="AN16" s="354"/>
      <c r="AO16" s="354"/>
      <c r="AP16" s="355"/>
      <c r="AQ16" s="184"/>
      <c r="AR16" s="180"/>
      <c r="AS16" s="263"/>
      <c r="AT16" s="264"/>
      <c r="AU16" s="264"/>
      <c r="AV16" s="264"/>
      <c r="AW16" s="264"/>
      <c r="AX16" s="264"/>
      <c r="AY16" s="264"/>
      <c r="AZ16" s="264"/>
      <c r="BA16" s="264"/>
      <c r="BB16" s="264"/>
      <c r="BC16" s="264"/>
      <c r="BD16" s="265"/>
    </row>
    <row r="17" spans="1:56" ht="12" customHeight="1">
      <c r="A17" s="271"/>
      <c r="B17" s="272"/>
      <c r="C17" s="272"/>
      <c r="D17" s="272"/>
      <c r="E17" s="272"/>
      <c r="F17" s="271"/>
      <c r="G17" s="271"/>
      <c r="H17" s="6"/>
      <c r="I17" s="212"/>
      <c r="J17" s="339" t="s">
        <v>74</v>
      </c>
      <c r="K17" s="339"/>
      <c r="L17" s="339"/>
      <c r="M17" s="340"/>
      <c r="N17" s="267" t="s">
        <v>67</v>
      </c>
      <c r="O17" s="268"/>
      <c r="P17" s="269"/>
      <c r="Q17" s="267"/>
      <c r="R17" s="268"/>
      <c r="S17" s="268"/>
      <c r="T17" s="268"/>
      <c r="U17" s="268"/>
      <c r="V17" s="268"/>
      <c r="W17" s="268"/>
      <c r="X17" s="268"/>
      <c r="Y17" s="269"/>
      <c r="Z17" s="405" t="s">
        <v>8</v>
      </c>
      <c r="AA17" s="406"/>
      <c r="AB17" s="407"/>
      <c r="AC17" s="405" t="s">
        <v>33</v>
      </c>
      <c r="AD17" s="406"/>
      <c r="AE17" s="406"/>
      <c r="AF17" s="407"/>
      <c r="AG17" s="405" t="s">
        <v>9</v>
      </c>
      <c r="AH17" s="406"/>
      <c r="AI17" s="407"/>
      <c r="AJ17" s="286"/>
      <c r="AK17" s="287"/>
      <c r="AL17" s="288"/>
      <c r="AM17" s="356"/>
      <c r="AN17" s="357"/>
      <c r="AO17" s="357"/>
      <c r="AP17" s="358"/>
      <c r="AQ17" s="185"/>
      <c r="AR17" s="183"/>
      <c r="AS17" s="54"/>
      <c r="AT17" s="270" t="s">
        <v>43</v>
      </c>
      <c r="AU17" s="270"/>
      <c r="AV17" s="270"/>
      <c r="AW17" s="55"/>
      <c r="AX17" s="55"/>
      <c r="AY17" s="182"/>
      <c r="AZ17" s="182"/>
      <c r="BA17" s="182"/>
      <c r="BB17" s="182"/>
      <c r="BC17" s="56" t="s">
        <v>73</v>
      </c>
      <c r="BD17" s="57"/>
    </row>
    <row r="18" spans="1:56" ht="12.6" customHeight="1">
      <c r="A18" s="271"/>
      <c r="B18" s="272"/>
      <c r="C18" s="272"/>
      <c r="D18" s="272"/>
      <c r="E18" s="272"/>
      <c r="F18" s="271"/>
      <c r="G18" s="271"/>
      <c r="H18" s="6"/>
      <c r="I18" s="212"/>
      <c r="J18" s="140"/>
      <c r="K18" s="140"/>
      <c r="L18" s="140"/>
      <c r="M18" s="138"/>
      <c r="N18" s="240" t="s">
        <v>68</v>
      </c>
      <c r="O18" s="140"/>
      <c r="P18" s="138"/>
      <c r="Q18" s="273"/>
      <c r="R18" s="274"/>
      <c r="S18" s="274"/>
      <c r="T18" s="274"/>
      <c r="U18" s="274"/>
      <c r="V18" s="274"/>
      <c r="W18" s="9"/>
      <c r="X18" s="9"/>
      <c r="Y18" s="58"/>
      <c r="Z18" s="365" t="s">
        <v>12</v>
      </c>
      <c r="AA18" s="366"/>
      <c r="AB18" s="367"/>
      <c r="AC18" s="365"/>
      <c r="AD18" s="366"/>
      <c r="AE18" s="366"/>
      <c r="AF18" s="367"/>
      <c r="AG18" s="365" t="s">
        <v>13</v>
      </c>
      <c r="AH18" s="366"/>
      <c r="AI18" s="367"/>
      <c r="AJ18" s="289"/>
      <c r="AK18" s="290"/>
      <c r="AL18" s="290"/>
      <c r="AM18" s="240" t="s">
        <v>11</v>
      </c>
      <c r="AN18" s="140"/>
      <c r="AO18" s="140"/>
      <c r="AP18" s="138"/>
      <c r="AQ18" s="231" t="s">
        <v>48</v>
      </c>
      <c r="AR18" s="471"/>
      <c r="AS18" s="471"/>
      <c r="AT18" s="471"/>
      <c r="AU18" s="471"/>
      <c r="AV18" s="471"/>
      <c r="AW18" s="471"/>
      <c r="AX18" s="471"/>
      <c r="AY18" s="471"/>
      <c r="AZ18" s="471"/>
      <c r="BA18" s="471"/>
      <c r="BB18" s="475" t="s">
        <v>126</v>
      </c>
      <c r="BC18" s="476"/>
      <c r="BD18" s="477"/>
    </row>
    <row r="19" spans="1:56" ht="12.6" customHeight="1">
      <c r="A19" s="271"/>
      <c r="B19" s="272"/>
      <c r="C19" s="272"/>
      <c r="D19" s="272"/>
      <c r="E19" s="272"/>
      <c r="F19" s="271"/>
      <c r="G19" s="271"/>
      <c r="H19" s="6"/>
      <c r="I19" s="212"/>
      <c r="J19" s="179"/>
      <c r="K19" s="179"/>
      <c r="L19" s="179"/>
      <c r="M19" s="180"/>
      <c r="N19" s="184"/>
      <c r="O19" s="179"/>
      <c r="P19" s="180"/>
      <c r="Q19" s="263"/>
      <c r="R19" s="264"/>
      <c r="S19" s="264"/>
      <c r="T19" s="264"/>
      <c r="U19" s="264"/>
      <c r="V19" s="264"/>
      <c r="W19" s="179" t="s">
        <v>69</v>
      </c>
      <c r="X19" s="179"/>
      <c r="Y19" s="180"/>
      <c r="Z19" s="312"/>
      <c r="AA19" s="313"/>
      <c r="AB19" s="314"/>
      <c r="AC19" s="321"/>
      <c r="AD19" s="322"/>
      <c r="AE19" s="325" t="s">
        <v>42</v>
      </c>
      <c r="AF19" s="326"/>
      <c r="AG19" s="329"/>
      <c r="AH19" s="330"/>
      <c r="AI19" s="326" t="s">
        <v>42</v>
      </c>
      <c r="AJ19" s="240" t="s">
        <v>62</v>
      </c>
      <c r="AK19" s="140"/>
      <c r="AL19" s="138"/>
      <c r="AM19" s="184"/>
      <c r="AN19" s="179"/>
      <c r="AO19" s="179"/>
      <c r="AP19" s="180"/>
      <c r="AQ19" s="227"/>
      <c r="AR19" s="472"/>
      <c r="AS19" s="472"/>
      <c r="AT19" s="472"/>
      <c r="AU19" s="472"/>
      <c r="AV19" s="472"/>
      <c r="AW19" s="472"/>
      <c r="AX19" s="472"/>
      <c r="AY19" s="472"/>
      <c r="AZ19" s="472"/>
      <c r="BA19" s="472"/>
      <c r="BB19" s="478" t="s">
        <v>127</v>
      </c>
      <c r="BC19" s="479"/>
      <c r="BD19" s="480"/>
    </row>
    <row r="20" spans="1:56" ht="12.6" customHeight="1">
      <c r="A20" s="271"/>
      <c r="B20" s="272"/>
      <c r="C20" s="272"/>
      <c r="D20" s="272"/>
      <c r="E20" s="272"/>
      <c r="F20" s="271"/>
      <c r="G20" s="271"/>
      <c r="H20" s="6"/>
      <c r="I20" s="212"/>
      <c r="J20" s="182"/>
      <c r="K20" s="182"/>
      <c r="L20" s="182"/>
      <c r="M20" s="183"/>
      <c r="N20" s="185"/>
      <c r="O20" s="182"/>
      <c r="P20" s="183"/>
      <c r="Q20" s="219"/>
      <c r="R20" s="220"/>
      <c r="S20" s="220"/>
      <c r="T20" s="220"/>
      <c r="U20" s="220"/>
      <c r="V20" s="220"/>
      <c r="W20" s="182"/>
      <c r="X20" s="182"/>
      <c r="Y20" s="183"/>
      <c r="Z20" s="315"/>
      <c r="AA20" s="316"/>
      <c r="AB20" s="317"/>
      <c r="AC20" s="323"/>
      <c r="AD20" s="324"/>
      <c r="AE20" s="327"/>
      <c r="AF20" s="328"/>
      <c r="AG20" s="331"/>
      <c r="AH20" s="332"/>
      <c r="AI20" s="328"/>
      <c r="AJ20" s="184"/>
      <c r="AK20" s="179"/>
      <c r="AL20" s="180"/>
      <c r="AM20" s="184"/>
      <c r="AN20" s="179"/>
      <c r="AO20" s="179"/>
      <c r="AP20" s="180"/>
      <c r="AQ20" s="229"/>
      <c r="AR20" s="473"/>
      <c r="AS20" s="473"/>
      <c r="AT20" s="473"/>
      <c r="AU20" s="473"/>
      <c r="AV20" s="473"/>
      <c r="AW20" s="473"/>
      <c r="AX20" s="473"/>
      <c r="AY20" s="473"/>
      <c r="AZ20" s="473"/>
      <c r="BA20" s="473"/>
      <c r="BB20" s="481" t="s">
        <v>128</v>
      </c>
      <c r="BC20" s="482"/>
      <c r="BD20" s="483"/>
    </row>
    <row r="21" spans="1:56" ht="12.6" customHeight="1">
      <c r="A21" s="271"/>
      <c r="B21" s="272"/>
      <c r="C21" s="272"/>
      <c r="D21" s="272"/>
      <c r="E21" s="272"/>
      <c r="F21" s="271"/>
      <c r="G21" s="271"/>
      <c r="H21" s="6"/>
      <c r="I21" s="212"/>
      <c r="J21" s="401" t="s">
        <v>14</v>
      </c>
      <c r="K21" s="401"/>
      <c r="L21" s="401"/>
      <c r="M21" s="402"/>
      <c r="N21" s="240" t="s">
        <v>92</v>
      </c>
      <c r="O21" s="140"/>
      <c r="P21" s="140"/>
      <c r="Q21" s="140"/>
      <c r="R21" s="140"/>
      <c r="S21" s="140"/>
      <c r="T21" s="140"/>
      <c r="U21" s="140" t="s">
        <v>37</v>
      </c>
      <c r="V21" s="140"/>
      <c r="W21" s="140" t="s">
        <v>40</v>
      </c>
      <c r="X21" s="140"/>
      <c r="Y21" s="138" t="s">
        <v>41</v>
      </c>
      <c r="Z21" s="315"/>
      <c r="AA21" s="316"/>
      <c r="AB21" s="317"/>
      <c r="AC21" s="515"/>
      <c r="AD21" s="516"/>
      <c r="AE21" s="408" t="s">
        <v>47</v>
      </c>
      <c r="AF21" s="409"/>
      <c r="AG21" s="412"/>
      <c r="AH21" s="413"/>
      <c r="AI21" s="409" t="s">
        <v>47</v>
      </c>
      <c r="AJ21" s="184"/>
      <c r="AK21" s="179"/>
      <c r="AL21" s="180"/>
      <c r="AM21" s="59" t="s">
        <v>65</v>
      </c>
      <c r="AN21" s="12"/>
      <c r="AO21" s="12"/>
      <c r="AP21" s="60"/>
      <c r="AQ21" s="8" t="s">
        <v>131</v>
      </c>
      <c r="AR21" s="8"/>
      <c r="AS21" s="8"/>
      <c r="AT21" s="8"/>
      <c r="AU21" s="8"/>
      <c r="AV21" s="9"/>
      <c r="AW21" s="9"/>
      <c r="AX21" s="9"/>
      <c r="AY21" s="9"/>
      <c r="AZ21" s="9"/>
      <c r="BA21" s="9"/>
      <c r="BB21" s="240"/>
      <c r="BC21" s="140"/>
      <c r="BD21" s="279"/>
    </row>
    <row r="22" spans="1:56" ht="12.6" customHeight="1">
      <c r="A22" s="271"/>
      <c r="B22" s="272"/>
      <c r="C22" s="272"/>
      <c r="D22" s="272"/>
      <c r="E22" s="272"/>
      <c r="F22" s="271"/>
      <c r="G22" s="271"/>
      <c r="H22" s="6"/>
      <c r="I22" s="212"/>
      <c r="J22" s="403"/>
      <c r="K22" s="403"/>
      <c r="L22" s="403"/>
      <c r="M22" s="404"/>
      <c r="N22" s="185"/>
      <c r="O22" s="182"/>
      <c r="P22" s="182"/>
      <c r="Q22" s="182"/>
      <c r="R22" s="182"/>
      <c r="S22" s="182"/>
      <c r="T22" s="182"/>
      <c r="U22" s="182"/>
      <c r="V22" s="182"/>
      <c r="W22" s="182"/>
      <c r="X22" s="182"/>
      <c r="Y22" s="183"/>
      <c r="Z22" s="315"/>
      <c r="AA22" s="316"/>
      <c r="AB22" s="317"/>
      <c r="AC22" s="517"/>
      <c r="AD22" s="518"/>
      <c r="AE22" s="410"/>
      <c r="AF22" s="411"/>
      <c r="AG22" s="414"/>
      <c r="AH22" s="415"/>
      <c r="AI22" s="411"/>
      <c r="AJ22" s="184"/>
      <c r="AK22" s="179"/>
      <c r="AL22" s="180"/>
      <c r="AM22" s="59" t="s">
        <v>64</v>
      </c>
      <c r="AN22" s="34"/>
      <c r="AO22" s="34"/>
      <c r="AP22" s="61"/>
      <c r="AQ22" s="10" t="s">
        <v>135</v>
      </c>
      <c r="AR22" s="11"/>
      <c r="AS22" s="11"/>
      <c r="AT22" s="11"/>
      <c r="AU22" s="11"/>
      <c r="AV22" s="11"/>
      <c r="AW22" s="11"/>
      <c r="AX22" s="11"/>
      <c r="AY22" s="11"/>
      <c r="AZ22" s="11"/>
      <c r="BA22" s="11"/>
      <c r="BB22" s="184"/>
      <c r="BC22" s="179"/>
      <c r="BD22" s="280"/>
    </row>
    <row r="23" spans="1:56" ht="12.6" customHeight="1">
      <c r="A23" s="271"/>
      <c r="B23" s="272"/>
      <c r="C23" s="272"/>
      <c r="D23" s="272"/>
      <c r="E23" s="272"/>
      <c r="F23" s="271"/>
      <c r="G23" s="271"/>
      <c r="H23" s="6"/>
      <c r="I23" s="212"/>
      <c r="J23" s="416" t="s">
        <v>35</v>
      </c>
      <c r="K23" s="416"/>
      <c r="L23" s="416"/>
      <c r="M23" s="417"/>
      <c r="N23" s="386"/>
      <c r="O23" s="136"/>
      <c r="P23" s="136"/>
      <c r="Q23" s="388"/>
      <c r="R23" s="386"/>
      <c r="S23" s="136"/>
      <c r="T23" s="136"/>
      <c r="U23" s="388"/>
      <c r="V23" s="386"/>
      <c r="W23" s="136"/>
      <c r="X23" s="136"/>
      <c r="Y23" s="388"/>
      <c r="Z23" s="315"/>
      <c r="AA23" s="316"/>
      <c r="AB23" s="317"/>
      <c r="AC23" s="519" t="s">
        <v>144</v>
      </c>
      <c r="AD23" s="520"/>
      <c r="AE23" s="520"/>
      <c r="AF23" s="521"/>
      <c r="AG23" s="519" t="s">
        <v>144</v>
      </c>
      <c r="AH23" s="520"/>
      <c r="AI23" s="520"/>
      <c r="AJ23" s="184"/>
      <c r="AK23" s="179"/>
      <c r="AL23" s="180"/>
      <c r="AM23" s="59" t="s">
        <v>83</v>
      </c>
      <c r="AN23" s="34"/>
      <c r="AO23" s="34"/>
      <c r="AP23" s="61"/>
      <c r="AQ23" s="62"/>
      <c r="AR23" s="63" t="s">
        <v>105</v>
      </c>
      <c r="AS23" s="64"/>
      <c r="AT23" s="64"/>
      <c r="AU23" s="64"/>
      <c r="AV23" s="65"/>
      <c r="AW23" s="65"/>
      <c r="AX23" s="65"/>
      <c r="AY23" s="65"/>
      <c r="AZ23" s="65"/>
      <c r="BA23" s="65"/>
      <c r="BB23" s="184"/>
      <c r="BC23" s="179"/>
      <c r="BD23" s="280"/>
    </row>
    <row r="24" spans="1:56" ht="12.6" customHeight="1" thickBot="1">
      <c r="A24" s="271"/>
      <c r="B24" s="272"/>
      <c r="C24" s="272"/>
      <c r="D24" s="272"/>
      <c r="E24" s="272"/>
      <c r="F24" s="271"/>
      <c r="G24" s="271"/>
      <c r="H24" s="6"/>
      <c r="I24" s="212"/>
      <c r="J24" s="418"/>
      <c r="K24" s="418"/>
      <c r="L24" s="418"/>
      <c r="M24" s="419"/>
      <c r="N24" s="387"/>
      <c r="O24" s="368"/>
      <c r="P24" s="368"/>
      <c r="Q24" s="389"/>
      <c r="R24" s="387"/>
      <c r="S24" s="368"/>
      <c r="T24" s="368"/>
      <c r="U24" s="389"/>
      <c r="V24" s="387"/>
      <c r="W24" s="368"/>
      <c r="X24" s="368"/>
      <c r="Y24" s="389"/>
      <c r="Z24" s="315"/>
      <c r="AA24" s="316"/>
      <c r="AB24" s="317"/>
      <c r="AC24" s="522"/>
      <c r="AD24" s="523"/>
      <c r="AE24" s="523"/>
      <c r="AF24" s="524"/>
      <c r="AG24" s="522"/>
      <c r="AH24" s="523"/>
      <c r="AI24" s="523"/>
      <c r="AJ24" s="184"/>
      <c r="AK24" s="179"/>
      <c r="AL24" s="180"/>
      <c r="AM24" s="59" t="s">
        <v>84</v>
      </c>
      <c r="AN24" s="34"/>
      <c r="AO24" s="34"/>
      <c r="AP24" s="61"/>
      <c r="AQ24" s="66"/>
      <c r="AR24" s="67"/>
      <c r="AS24" s="68"/>
      <c r="AT24" s="68"/>
      <c r="AU24" s="67"/>
      <c r="AV24" s="69"/>
      <c r="AW24" s="69"/>
      <c r="AX24" s="69"/>
      <c r="AY24" s="69"/>
      <c r="AZ24" s="69"/>
      <c r="BA24" s="69"/>
      <c r="BB24" s="184"/>
      <c r="BC24" s="179"/>
      <c r="BD24" s="280"/>
    </row>
    <row r="25" spans="1:56" ht="12.6" customHeight="1">
      <c r="A25" s="271"/>
      <c r="B25" s="272"/>
      <c r="C25" s="272"/>
      <c r="D25" s="272"/>
      <c r="E25" s="272"/>
      <c r="F25" s="271"/>
      <c r="G25" s="271"/>
      <c r="H25" s="6"/>
      <c r="I25" s="212"/>
      <c r="J25" s="361" t="s">
        <v>136</v>
      </c>
      <c r="K25" s="361"/>
      <c r="L25" s="361"/>
      <c r="M25" s="362"/>
      <c r="N25" s="333"/>
      <c r="O25" s="334"/>
      <c r="P25" s="334"/>
      <c r="Q25" s="334"/>
      <c r="R25" s="334"/>
      <c r="S25" s="334"/>
      <c r="T25" s="334"/>
      <c r="U25" s="334"/>
      <c r="V25" s="334"/>
      <c r="W25" s="334"/>
      <c r="X25" s="334"/>
      <c r="Y25" s="335"/>
      <c r="Z25" s="315"/>
      <c r="AA25" s="316"/>
      <c r="AB25" s="317"/>
      <c r="AC25" s="522"/>
      <c r="AD25" s="523"/>
      <c r="AE25" s="523"/>
      <c r="AF25" s="524"/>
      <c r="AG25" s="522"/>
      <c r="AH25" s="523"/>
      <c r="AI25" s="523"/>
      <c r="AJ25" s="70"/>
      <c r="AK25" s="71"/>
      <c r="AL25" s="72"/>
      <c r="AM25" s="59" t="s">
        <v>85</v>
      </c>
      <c r="AN25" s="34"/>
      <c r="AO25" s="34"/>
      <c r="AP25" s="61"/>
      <c r="AQ25" s="66"/>
      <c r="AR25" s="67"/>
      <c r="AS25" s="68"/>
      <c r="AT25" s="68"/>
      <c r="AU25" s="67"/>
      <c r="AV25" s="73"/>
      <c r="AW25" s="474" t="s">
        <v>106</v>
      </c>
      <c r="AX25" s="474"/>
      <c r="AY25" s="474"/>
      <c r="AZ25" s="474"/>
      <c r="BA25" s="12"/>
      <c r="BB25" s="496" t="s">
        <v>109</v>
      </c>
      <c r="BC25" s="497"/>
      <c r="BD25" s="498"/>
    </row>
    <row r="26" spans="1:56" ht="12.6" customHeight="1">
      <c r="A26" s="271"/>
      <c r="B26" s="272"/>
      <c r="C26" s="272"/>
      <c r="D26" s="272"/>
      <c r="E26" s="272"/>
      <c r="F26" s="271"/>
      <c r="G26" s="271"/>
      <c r="H26" s="6"/>
      <c r="I26" s="212"/>
      <c r="J26" s="363"/>
      <c r="K26" s="363"/>
      <c r="L26" s="363"/>
      <c r="M26" s="364"/>
      <c r="N26" s="394"/>
      <c r="O26" s="395"/>
      <c r="P26" s="395"/>
      <c r="Q26" s="395"/>
      <c r="R26" s="395"/>
      <c r="S26" s="395"/>
      <c r="T26" s="395"/>
      <c r="U26" s="395"/>
      <c r="V26" s="395"/>
      <c r="W26" s="395"/>
      <c r="X26" s="395"/>
      <c r="Y26" s="458"/>
      <c r="Z26" s="315"/>
      <c r="AA26" s="316"/>
      <c r="AB26" s="317"/>
      <c r="AC26" s="522"/>
      <c r="AD26" s="523"/>
      <c r="AE26" s="523"/>
      <c r="AF26" s="524"/>
      <c r="AG26" s="522"/>
      <c r="AH26" s="523"/>
      <c r="AI26" s="523"/>
      <c r="AJ26" s="74"/>
      <c r="AK26" s="35"/>
      <c r="AL26" s="75"/>
      <c r="AM26" s="76" t="s">
        <v>86</v>
      </c>
      <c r="AN26" s="34"/>
      <c r="AO26" s="34"/>
      <c r="AP26" s="61"/>
      <c r="AQ26" s="77"/>
      <c r="AR26" s="67" t="s">
        <v>107</v>
      </c>
      <c r="AS26" s="11"/>
      <c r="AT26" s="11" t="s">
        <v>45</v>
      </c>
      <c r="AU26" s="11"/>
      <c r="AV26" s="11" t="s">
        <v>103</v>
      </c>
      <c r="AW26" s="24"/>
      <c r="AX26" s="24"/>
      <c r="AY26" s="24"/>
      <c r="AZ26" s="73"/>
      <c r="BA26" s="73"/>
      <c r="BB26" s="499" t="s">
        <v>110</v>
      </c>
      <c r="BC26" s="363"/>
      <c r="BD26" s="500"/>
    </row>
    <row r="27" spans="1:56" ht="12.6" customHeight="1">
      <c r="A27" s="271"/>
      <c r="B27" s="272"/>
      <c r="C27" s="272"/>
      <c r="D27" s="272"/>
      <c r="E27" s="272"/>
      <c r="F27" s="271"/>
      <c r="G27" s="271"/>
      <c r="H27" s="6"/>
      <c r="I27" s="212"/>
      <c r="J27" s="291" t="s">
        <v>91</v>
      </c>
      <c r="K27" s="292"/>
      <c r="L27" s="292"/>
      <c r="M27" s="293"/>
      <c r="N27" s="333"/>
      <c r="O27" s="334"/>
      <c r="P27" s="334"/>
      <c r="Q27" s="334"/>
      <c r="R27" s="334"/>
      <c r="S27" s="334"/>
      <c r="T27" s="334"/>
      <c r="U27" s="334"/>
      <c r="V27" s="334"/>
      <c r="W27" s="334"/>
      <c r="X27" s="334"/>
      <c r="Y27" s="335"/>
      <c r="Z27" s="315"/>
      <c r="AA27" s="316"/>
      <c r="AB27" s="317"/>
      <c r="AC27" s="522"/>
      <c r="AD27" s="523"/>
      <c r="AE27" s="523"/>
      <c r="AF27" s="524"/>
      <c r="AG27" s="522"/>
      <c r="AH27" s="523"/>
      <c r="AI27" s="523"/>
      <c r="AJ27" s="74"/>
      <c r="AK27" s="35"/>
      <c r="AL27" s="75"/>
      <c r="AM27" s="76" t="s">
        <v>87</v>
      </c>
      <c r="AN27" s="34"/>
      <c r="AO27" s="34"/>
      <c r="AP27" s="61"/>
      <c r="AQ27" s="12" t="s">
        <v>137</v>
      </c>
      <c r="AR27" s="12"/>
      <c r="AS27" s="12"/>
      <c r="AT27" s="12"/>
      <c r="AU27" s="12"/>
      <c r="AV27" s="12"/>
      <c r="AW27" s="12"/>
      <c r="AX27" s="12"/>
      <c r="AY27" s="12"/>
      <c r="AZ27" s="24"/>
      <c r="BA27" s="24"/>
      <c r="BB27" s="501"/>
      <c r="BC27" s="275"/>
      <c r="BD27" s="502"/>
    </row>
    <row r="28" spans="1:56" ht="12.6" customHeight="1" thickBot="1">
      <c r="A28" s="271"/>
      <c r="B28" s="272"/>
      <c r="C28" s="272"/>
      <c r="D28" s="272"/>
      <c r="E28" s="272"/>
      <c r="F28" s="271"/>
      <c r="G28" s="271"/>
      <c r="H28" s="6"/>
      <c r="I28" s="213"/>
      <c r="J28" s="294"/>
      <c r="K28" s="294"/>
      <c r="L28" s="294"/>
      <c r="M28" s="295"/>
      <c r="N28" s="336"/>
      <c r="O28" s="337"/>
      <c r="P28" s="337"/>
      <c r="Q28" s="337"/>
      <c r="R28" s="337"/>
      <c r="S28" s="337"/>
      <c r="T28" s="337"/>
      <c r="U28" s="337"/>
      <c r="V28" s="337"/>
      <c r="W28" s="337"/>
      <c r="X28" s="337"/>
      <c r="Y28" s="338"/>
      <c r="Z28" s="318"/>
      <c r="AA28" s="319"/>
      <c r="AB28" s="320"/>
      <c r="AC28" s="525"/>
      <c r="AD28" s="526"/>
      <c r="AE28" s="526"/>
      <c r="AF28" s="527"/>
      <c r="AG28" s="525"/>
      <c r="AH28" s="526"/>
      <c r="AI28" s="526"/>
      <c r="AJ28" s="74"/>
      <c r="AK28" s="35"/>
      <c r="AL28" s="75"/>
      <c r="AM28" s="76" t="s">
        <v>88</v>
      </c>
      <c r="AN28" s="34"/>
      <c r="AO28" s="34"/>
      <c r="AP28" s="61"/>
      <c r="AQ28" s="78"/>
      <c r="AR28" s="79" t="s">
        <v>108</v>
      </c>
      <c r="AS28" s="80"/>
      <c r="AT28" s="80"/>
      <c r="AU28" s="80"/>
      <c r="AV28" s="81"/>
      <c r="AW28" s="81"/>
      <c r="AX28" s="81"/>
      <c r="AY28" s="81"/>
      <c r="AZ28" s="81"/>
      <c r="BA28" s="81"/>
      <c r="BB28" s="503"/>
      <c r="BC28" s="277"/>
      <c r="BD28" s="504"/>
    </row>
    <row r="29" spans="1:56" ht="14.25" customHeight="1">
      <c r="A29" s="271"/>
      <c r="B29" s="272"/>
      <c r="C29" s="272"/>
      <c r="D29" s="272"/>
      <c r="E29" s="272"/>
      <c r="F29" s="271"/>
      <c r="G29" s="271"/>
      <c r="H29" s="6"/>
      <c r="I29" s="22"/>
      <c r="J29" s="82"/>
      <c r="K29" s="68"/>
      <c r="L29" s="68"/>
      <c r="M29" s="68"/>
      <c r="N29" s="68"/>
      <c r="O29" s="68"/>
      <c r="P29" s="68"/>
      <c r="Q29" s="68"/>
      <c r="R29" s="68"/>
      <c r="S29" s="68"/>
      <c r="T29" s="68"/>
      <c r="U29" s="68"/>
      <c r="V29" s="68"/>
      <c r="W29" s="68"/>
      <c r="X29" s="68"/>
      <c r="Y29" s="68"/>
      <c r="Z29" s="68"/>
      <c r="AA29" s="68"/>
      <c r="AB29" s="68"/>
      <c r="AC29" s="68"/>
      <c r="AD29" s="68"/>
      <c r="AE29" s="68"/>
      <c r="AF29" s="68"/>
      <c r="AG29" s="68"/>
      <c r="AH29" s="68"/>
      <c r="AI29" s="68"/>
      <c r="AJ29" s="68"/>
      <c r="AK29" s="68"/>
      <c r="AL29" s="83"/>
      <c r="AM29" s="76" t="s">
        <v>89</v>
      </c>
      <c r="AN29" s="34"/>
      <c r="AO29" s="34"/>
      <c r="AP29" s="61"/>
      <c r="AQ29" s="84"/>
      <c r="AR29" s="209"/>
      <c r="AS29" s="209"/>
      <c r="AT29" s="209"/>
      <c r="AU29" s="209"/>
      <c r="AV29" s="209"/>
      <c r="AW29" s="209"/>
      <c r="AX29" s="209"/>
      <c r="AY29" s="209"/>
      <c r="AZ29" s="79"/>
      <c r="BA29" s="79"/>
      <c r="BB29" s="503"/>
      <c r="BC29" s="277"/>
      <c r="BD29" s="504"/>
    </row>
    <row r="30" spans="1:56" ht="12.75" customHeight="1" thickBot="1">
      <c r="A30" s="271"/>
      <c r="B30" s="272"/>
      <c r="C30" s="272"/>
      <c r="D30" s="272"/>
      <c r="E30" s="272"/>
      <c r="F30" s="271"/>
      <c r="G30" s="271"/>
      <c r="H30" s="6"/>
      <c r="I30" s="22"/>
      <c r="J30" s="12" t="s">
        <v>98</v>
      </c>
      <c r="K30" s="68"/>
      <c r="L30" s="68"/>
      <c r="M30" s="68"/>
      <c r="N30" s="68"/>
      <c r="O30" s="68"/>
      <c r="P30" s="68"/>
      <c r="Q30" s="68"/>
      <c r="R30" s="68"/>
      <c r="S30" s="68"/>
      <c r="T30" s="68"/>
      <c r="U30" s="68"/>
      <c r="V30" s="68"/>
      <c r="W30" s="68"/>
      <c r="X30" s="68"/>
      <c r="Y30" s="68"/>
      <c r="Z30" s="68"/>
      <c r="AA30" s="68"/>
      <c r="AB30" s="68"/>
      <c r="AC30" s="68"/>
      <c r="AD30" s="68"/>
      <c r="AE30" s="68"/>
      <c r="AF30" s="68"/>
      <c r="AG30" s="68"/>
      <c r="AH30" s="68"/>
      <c r="AI30" s="68"/>
      <c r="AJ30" s="68"/>
      <c r="AK30" s="68"/>
      <c r="AL30" s="83"/>
      <c r="AM30" s="85" t="s">
        <v>59</v>
      </c>
      <c r="AN30" s="86"/>
      <c r="AO30" s="34"/>
      <c r="AP30" s="61"/>
      <c r="AQ30" s="87"/>
      <c r="AR30" s="210"/>
      <c r="AS30" s="210"/>
      <c r="AT30" s="210"/>
      <c r="AU30" s="210"/>
      <c r="AV30" s="210"/>
      <c r="AW30" s="210"/>
      <c r="AX30" s="210"/>
      <c r="AY30" s="210"/>
      <c r="AZ30" s="88"/>
      <c r="BA30" s="88"/>
      <c r="BB30" s="505"/>
      <c r="BC30" s="276"/>
      <c r="BD30" s="506"/>
    </row>
    <row r="31" spans="1:56" ht="15" customHeight="1">
      <c r="A31" s="271"/>
      <c r="B31" s="272"/>
      <c r="C31" s="272"/>
      <c r="D31" s="272"/>
      <c r="E31" s="272"/>
      <c r="F31" s="271"/>
      <c r="G31" s="271"/>
      <c r="H31" s="6"/>
      <c r="I31" s="211" t="s">
        <v>101</v>
      </c>
      <c r="J31" s="420" t="s">
        <v>15</v>
      </c>
      <c r="K31" s="236"/>
      <c r="L31" s="236"/>
      <c r="M31" s="236"/>
      <c r="N31" s="236"/>
      <c r="O31" s="236"/>
      <c r="P31" s="236"/>
      <c r="Q31" s="236"/>
      <c r="R31" s="421"/>
      <c r="S31" s="235" t="s">
        <v>27</v>
      </c>
      <c r="T31" s="236"/>
      <c r="U31" s="236"/>
      <c r="V31" s="236"/>
      <c r="W31" s="236"/>
      <c r="X31" s="236"/>
      <c r="Y31" s="236"/>
      <c r="Z31" s="236"/>
      <c r="AA31" s="236"/>
      <c r="AB31" s="236"/>
      <c r="AC31" s="237"/>
      <c r="AD31" s="89"/>
      <c r="AE31" s="252" t="s">
        <v>143</v>
      </c>
      <c r="AF31" s="236"/>
      <c r="AG31" s="236"/>
      <c r="AH31" s="236"/>
      <c r="AI31" s="236"/>
      <c r="AJ31" s="236"/>
      <c r="AK31" s="237"/>
      <c r="AL31" s="90"/>
      <c r="AM31" s="91" t="s">
        <v>90</v>
      </c>
      <c r="AN31" s="12"/>
      <c r="AO31" s="12"/>
      <c r="AP31" s="12"/>
      <c r="AQ31" s="12"/>
      <c r="AR31" s="12"/>
      <c r="AS31" s="12"/>
      <c r="AT31" s="12"/>
      <c r="AU31" s="12"/>
      <c r="AV31" s="12"/>
      <c r="AW31" s="12"/>
      <c r="AX31" s="12"/>
      <c r="AY31" s="12"/>
      <c r="AZ31" s="12"/>
      <c r="BA31" s="12"/>
      <c r="BB31" s="12"/>
      <c r="BC31" s="12"/>
      <c r="BD31" s="92"/>
    </row>
    <row r="32" spans="1:56" ht="15" customHeight="1">
      <c r="A32" s="271"/>
      <c r="B32" s="272"/>
      <c r="C32" s="272"/>
      <c r="D32" s="272"/>
      <c r="E32" s="272"/>
      <c r="F32" s="271"/>
      <c r="G32" s="271"/>
      <c r="H32" s="6"/>
      <c r="I32" s="212"/>
      <c r="J32" s="181"/>
      <c r="K32" s="182"/>
      <c r="L32" s="182"/>
      <c r="M32" s="182"/>
      <c r="N32" s="182"/>
      <c r="O32" s="182"/>
      <c r="P32" s="182"/>
      <c r="Q32" s="182"/>
      <c r="R32" s="183"/>
      <c r="S32" s="185"/>
      <c r="T32" s="182"/>
      <c r="U32" s="182"/>
      <c r="V32" s="182"/>
      <c r="W32" s="182"/>
      <c r="X32" s="182"/>
      <c r="Y32" s="182"/>
      <c r="Z32" s="182"/>
      <c r="AA32" s="182"/>
      <c r="AB32" s="182"/>
      <c r="AC32" s="239"/>
      <c r="AD32" s="89"/>
      <c r="AE32" s="181"/>
      <c r="AF32" s="182"/>
      <c r="AG32" s="182"/>
      <c r="AH32" s="182"/>
      <c r="AI32" s="182"/>
      <c r="AJ32" s="182"/>
      <c r="AK32" s="239"/>
      <c r="AL32" s="90"/>
      <c r="AM32" s="93" t="s">
        <v>28</v>
      </c>
      <c r="AN32" s="86"/>
      <c r="AO32" s="86"/>
      <c r="AP32" s="86"/>
      <c r="AQ32" s="94"/>
      <c r="AR32" s="94"/>
      <c r="AS32" s="94"/>
      <c r="AT32" s="94"/>
      <c r="AU32" s="94"/>
      <c r="AV32" s="94"/>
      <c r="AW32" s="94"/>
      <c r="AX32" s="94"/>
      <c r="AY32" s="94"/>
      <c r="AZ32" s="94"/>
      <c r="BA32" s="94"/>
      <c r="BB32" s="94"/>
      <c r="BC32" s="94"/>
      <c r="BD32" s="95"/>
    </row>
    <row r="33" spans="1:56" ht="15" customHeight="1">
      <c r="A33" s="271"/>
      <c r="B33" s="272"/>
      <c r="C33" s="272"/>
      <c r="D33" s="272"/>
      <c r="E33" s="272"/>
      <c r="F33" s="271"/>
      <c r="G33" s="271"/>
      <c r="H33" s="6"/>
      <c r="I33" s="212"/>
      <c r="J33" s="96" t="s">
        <v>151</v>
      </c>
      <c r="K33" s="97"/>
      <c r="L33" s="97"/>
      <c r="M33" s="97"/>
      <c r="N33" s="67" t="s">
        <v>53</v>
      </c>
      <c r="O33" s="12">
        <v>12</v>
      </c>
      <c r="P33" s="67" t="s">
        <v>45</v>
      </c>
      <c r="Q33" s="12">
        <v>31</v>
      </c>
      <c r="R33" s="98" t="s">
        <v>54</v>
      </c>
      <c r="S33" s="375" t="s">
        <v>34</v>
      </c>
      <c r="T33" s="179"/>
      <c r="U33" s="180"/>
      <c r="V33" s="184" t="s">
        <v>16</v>
      </c>
      <c r="W33" s="179"/>
      <c r="X33" s="179"/>
      <c r="Y33" s="180"/>
      <c r="Z33" s="179" t="s">
        <v>17</v>
      </c>
      <c r="AA33" s="179"/>
      <c r="AB33" s="179"/>
      <c r="AC33" s="238"/>
      <c r="AD33" s="89"/>
      <c r="AE33" s="259" t="s">
        <v>3</v>
      </c>
      <c r="AF33" s="260"/>
      <c r="AG33" s="434"/>
      <c r="AH33" s="435"/>
      <c r="AI33" s="436"/>
      <c r="AJ33" s="438" t="s">
        <v>76</v>
      </c>
      <c r="AK33" s="486"/>
      <c r="AL33" s="90"/>
      <c r="AM33" s="245" t="s">
        <v>22</v>
      </c>
      <c r="AN33" s="140"/>
      <c r="AO33" s="452" t="s">
        <v>50</v>
      </c>
      <c r="AP33" s="453"/>
      <c r="AQ33" s="453"/>
      <c r="AR33" s="453"/>
      <c r="AS33" s="453"/>
      <c r="AT33" s="453"/>
      <c r="AU33" s="453"/>
      <c r="AV33" s="453"/>
      <c r="AW33" s="453"/>
      <c r="AX33" s="453"/>
      <c r="AY33" s="453"/>
      <c r="AZ33" s="453"/>
      <c r="BA33" s="453"/>
      <c r="BB33" s="453"/>
      <c r="BC33" s="453"/>
      <c r="BD33" s="454"/>
    </row>
    <row r="34" spans="1:56" ht="15" customHeight="1">
      <c r="A34" s="271"/>
      <c r="B34" s="272"/>
      <c r="C34" s="272"/>
      <c r="D34" s="272"/>
      <c r="E34" s="272"/>
      <c r="F34" s="271"/>
      <c r="G34" s="271"/>
      <c r="H34" s="6"/>
      <c r="I34" s="212"/>
      <c r="J34" s="96" t="s">
        <v>56</v>
      </c>
      <c r="K34" s="97"/>
      <c r="L34" s="97"/>
      <c r="M34" s="99"/>
      <c r="N34" s="89"/>
      <c r="O34" s="89"/>
      <c r="P34" s="89"/>
      <c r="Q34" s="89"/>
      <c r="R34" s="100"/>
      <c r="S34" s="185"/>
      <c r="T34" s="182"/>
      <c r="U34" s="183"/>
      <c r="V34" s="185"/>
      <c r="W34" s="182"/>
      <c r="X34" s="182"/>
      <c r="Y34" s="183"/>
      <c r="Z34" s="182" t="s">
        <v>18</v>
      </c>
      <c r="AA34" s="182"/>
      <c r="AB34" s="182"/>
      <c r="AC34" s="239"/>
      <c r="AD34" s="89"/>
      <c r="AE34" s="261"/>
      <c r="AF34" s="262"/>
      <c r="AG34" s="256"/>
      <c r="AH34" s="257"/>
      <c r="AI34" s="437"/>
      <c r="AJ34" s="439"/>
      <c r="AK34" s="487"/>
      <c r="AL34" s="90"/>
      <c r="AM34" s="181"/>
      <c r="AN34" s="182"/>
      <c r="AO34" s="455"/>
      <c r="AP34" s="456"/>
      <c r="AQ34" s="456"/>
      <c r="AR34" s="456"/>
      <c r="AS34" s="456"/>
      <c r="AT34" s="456"/>
      <c r="AU34" s="456"/>
      <c r="AV34" s="456"/>
      <c r="AW34" s="456"/>
      <c r="AX34" s="456"/>
      <c r="AY34" s="456"/>
      <c r="AZ34" s="456"/>
      <c r="BA34" s="456"/>
      <c r="BB34" s="456"/>
      <c r="BC34" s="456"/>
      <c r="BD34" s="457"/>
    </row>
    <row r="35" spans="1:56" ht="15" customHeight="1">
      <c r="A35" s="271"/>
      <c r="B35" s="272"/>
      <c r="C35" s="272"/>
      <c r="D35" s="272"/>
      <c r="E35" s="272"/>
      <c r="F35" s="271"/>
      <c r="G35" s="271"/>
      <c r="H35" s="6"/>
      <c r="I35" s="212"/>
      <c r="J35" s="101" t="s">
        <v>63</v>
      </c>
      <c r="K35" s="102"/>
      <c r="L35" s="99" t="s">
        <v>45</v>
      </c>
      <c r="M35" s="102"/>
      <c r="N35" s="35" t="s">
        <v>44</v>
      </c>
      <c r="O35" s="35"/>
      <c r="P35" s="12"/>
      <c r="Q35" s="12"/>
      <c r="R35" s="60"/>
      <c r="S35" s="422" t="s">
        <v>21</v>
      </c>
      <c r="T35" s="423"/>
      <c r="U35" s="424"/>
      <c r="V35" s="312"/>
      <c r="W35" s="313"/>
      <c r="X35" s="313"/>
      <c r="Y35" s="314"/>
      <c r="Z35" s="312"/>
      <c r="AA35" s="313"/>
      <c r="AB35" s="313"/>
      <c r="AC35" s="440"/>
      <c r="AD35" s="103"/>
      <c r="AE35" s="259" t="s">
        <v>77</v>
      </c>
      <c r="AF35" s="260"/>
      <c r="AG35" s="434"/>
      <c r="AH35" s="435"/>
      <c r="AI35" s="435"/>
      <c r="AJ35" s="435"/>
      <c r="AK35" s="445"/>
      <c r="AL35" s="90"/>
      <c r="AM35" s="245" t="s">
        <v>23</v>
      </c>
      <c r="AN35" s="140"/>
      <c r="AO35" s="452" t="s">
        <v>104</v>
      </c>
      <c r="AP35" s="453"/>
      <c r="AQ35" s="453"/>
      <c r="AR35" s="453"/>
      <c r="AS35" s="453"/>
      <c r="AT35" s="453"/>
      <c r="AU35" s="453"/>
      <c r="AV35" s="453"/>
      <c r="AW35" s="453"/>
      <c r="AX35" s="453"/>
      <c r="AY35" s="453"/>
      <c r="AZ35" s="453"/>
      <c r="BA35" s="453"/>
      <c r="BB35" s="453"/>
      <c r="BC35" s="453"/>
      <c r="BD35" s="454"/>
    </row>
    <row r="36" spans="1:56" ht="15" customHeight="1">
      <c r="A36" s="271"/>
      <c r="B36" s="272"/>
      <c r="C36" s="272"/>
      <c r="D36" s="272"/>
      <c r="E36" s="272"/>
      <c r="F36" s="271"/>
      <c r="G36" s="271"/>
      <c r="H36" s="6"/>
      <c r="I36" s="212"/>
      <c r="J36" s="96" t="s">
        <v>152</v>
      </c>
      <c r="K36" s="97"/>
      <c r="L36" s="97"/>
      <c r="M36" s="97"/>
      <c r="N36" s="67" t="s">
        <v>53</v>
      </c>
      <c r="O36" s="12">
        <v>1</v>
      </c>
      <c r="P36" s="67" t="s">
        <v>45</v>
      </c>
      <c r="Q36" s="12">
        <v>1</v>
      </c>
      <c r="R36" s="98" t="s">
        <v>54</v>
      </c>
      <c r="S36" s="425"/>
      <c r="T36" s="426"/>
      <c r="U36" s="427"/>
      <c r="V36" s="428"/>
      <c r="W36" s="429"/>
      <c r="X36" s="429"/>
      <c r="Y36" s="430"/>
      <c r="Z36" s="315"/>
      <c r="AA36" s="316"/>
      <c r="AB36" s="316"/>
      <c r="AC36" s="441"/>
      <c r="AD36" s="103"/>
      <c r="AE36" s="443"/>
      <c r="AF36" s="444"/>
      <c r="AG36" s="446"/>
      <c r="AH36" s="447"/>
      <c r="AI36" s="447"/>
      <c r="AJ36" s="447"/>
      <c r="AK36" s="448"/>
      <c r="AL36" s="90"/>
      <c r="AM36" s="181"/>
      <c r="AN36" s="182"/>
      <c r="AO36" s="455"/>
      <c r="AP36" s="456"/>
      <c r="AQ36" s="456"/>
      <c r="AR36" s="456"/>
      <c r="AS36" s="456"/>
      <c r="AT36" s="456"/>
      <c r="AU36" s="456"/>
      <c r="AV36" s="456"/>
      <c r="AW36" s="456"/>
      <c r="AX36" s="456"/>
      <c r="AY36" s="456"/>
      <c r="AZ36" s="456"/>
      <c r="BA36" s="456"/>
      <c r="BB36" s="456"/>
      <c r="BC36" s="456"/>
      <c r="BD36" s="457"/>
    </row>
    <row r="37" spans="1:56" ht="15" customHeight="1">
      <c r="A37" s="271"/>
      <c r="B37" s="272"/>
      <c r="C37" s="272"/>
      <c r="D37" s="272"/>
      <c r="E37" s="272"/>
      <c r="F37" s="271"/>
      <c r="G37" s="271"/>
      <c r="H37" s="6"/>
      <c r="I37" s="212"/>
      <c r="J37" s="104" t="s">
        <v>55</v>
      </c>
      <c r="K37" s="97"/>
      <c r="L37" s="97"/>
      <c r="M37" s="97"/>
      <c r="N37" s="12"/>
      <c r="O37" s="105"/>
      <c r="P37" s="105"/>
      <c r="Q37" s="105"/>
      <c r="R37" s="106"/>
      <c r="S37" s="422" t="s">
        <v>21</v>
      </c>
      <c r="T37" s="423"/>
      <c r="U37" s="424"/>
      <c r="V37" s="312"/>
      <c r="W37" s="313"/>
      <c r="X37" s="313"/>
      <c r="Y37" s="314"/>
      <c r="Z37" s="315"/>
      <c r="AA37" s="316"/>
      <c r="AB37" s="316"/>
      <c r="AC37" s="441"/>
      <c r="AD37" s="103"/>
      <c r="AE37" s="443"/>
      <c r="AF37" s="444"/>
      <c r="AG37" s="253"/>
      <c r="AH37" s="254"/>
      <c r="AI37" s="254"/>
      <c r="AJ37" s="254"/>
      <c r="AK37" s="255"/>
      <c r="AL37" s="90"/>
      <c r="AM37" s="245" t="s">
        <v>25</v>
      </c>
      <c r="AN37" s="140"/>
      <c r="AO37" s="452" t="s">
        <v>51</v>
      </c>
      <c r="AP37" s="453"/>
      <c r="AQ37" s="453"/>
      <c r="AR37" s="453"/>
      <c r="AS37" s="453"/>
      <c r="AT37" s="453"/>
      <c r="AU37" s="453"/>
      <c r="AV37" s="453"/>
      <c r="AW37" s="453"/>
      <c r="AX37" s="453"/>
      <c r="AY37" s="453"/>
      <c r="AZ37" s="453"/>
      <c r="BA37" s="453"/>
      <c r="BB37" s="453"/>
      <c r="BC37" s="453"/>
      <c r="BD37" s="454"/>
    </row>
    <row r="38" spans="1:56" ht="15" customHeight="1">
      <c r="A38" s="271"/>
      <c r="B38" s="272"/>
      <c r="C38" s="272"/>
      <c r="D38" s="272"/>
      <c r="E38" s="272"/>
      <c r="F38" s="271"/>
      <c r="G38" s="271"/>
      <c r="H38" s="6"/>
      <c r="I38" s="212"/>
      <c r="J38" s="245" t="s">
        <v>19</v>
      </c>
      <c r="K38" s="140"/>
      <c r="L38" s="140"/>
      <c r="M38" s="140"/>
      <c r="N38" s="138"/>
      <c r="O38" s="310"/>
      <c r="P38" s="310"/>
      <c r="Q38" s="310"/>
      <c r="R38" s="311"/>
      <c r="S38" s="425"/>
      <c r="T38" s="426"/>
      <c r="U38" s="427"/>
      <c r="V38" s="428"/>
      <c r="W38" s="429"/>
      <c r="X38" s="429"/>
      <c r="Y38" s="430"/>
      <c r="Z38" s="315"/>
      <c r="AA38" s="316"/>
      <c r="AB38" s="316"/>
      <c r="AC38" s="441"/>
      <c r="AD38" s="103"/>
      <c r="AE38" s="261"/>
      <c r="AF38" s="262"/>
      <c r="AG38" s="256"/>
      <c r="AH38" s="257"/>
      <c r="AI38" s="257"/>
      <c r="AJ38" s="257"/>
      <c r="AK38" s="258"/>
      <c r="AL38" s="90"/>
      <c r="AM38" s="181"/>
      <c r="AN38" s="182"/>
      <c r="AO38" s="455"/>
      <c r="AP38" s="456"/>
      <c r="AQ38" s="456"/>
      <c r="AR38" s="456"/>
      <c r="AS38" s="456"/>
      <c r="AT38" s="456"/>
      <c r="AU38" s="456"/>
      <c r="AV38" s="456"/>
      <c r="AW38" s="456"/>
      <c r="AX38" s="456"/>
      <c r="AY38" s="456"/>
      <c r="AZ38" s="456"/>
      <c r="BA38" s="456"/>
      <c r="BB38" s="456"/>
      <c r="BC38" s="456"/>
      <c r="BD38" s="457"/>
    </row>
    <row r="39" spans="1:56" ht="15" customHeight="1">
      <c r="A39" s="271"/>
      <c r="B39" s="272"/>
      <c r="C39" s="272"/>
      <c r="D39" s="272"/>
      <c r="E39" s="272"/>
      <c r="F39" s="271"/>
      <c r="G39" s="271"/>
      <c r="H39" s="6"/>
      <c r="I39" s="212"/>
      <c r="J39" s="178"/>
      <c r="K39" s="179"/>
      <c r="L39" s="179"/>
      <c r="M39" s="179"/>
      <c r="N39" s="180"/>
      <c r="O39" s="406"/>
      <c r="P39" s="406"/>
      <c r="Q39" s="406"/>
      <c r="R39" s="407"/>
      <c r="S39" s="422" t="s">
        <v>21</v>
      </c>
      <c r="T39" s="423"/>
      <c r="U39" s="424"/>
      <c r="V39" s="312"/>
      <c r="W39" s="313"/>
      <c r="X39" s="313"/>
      <c r="Y39" s="314"/>
      <c r="Z39" s="315"/>
      <c r="AA39" s="316"/>
      <c r="AB39" s="316"/>
      <c r="AC39" s="441"/>
      <c r="AD39" s="103"/>
      <c r="AE39" s="259" t="s">
        <v>4</v>
      </c>
      <c r="AF39" s="260"/>
      <c r="AG39" s="246"/>
      <c r="AH39" s="247"/>
      <c r="AI39" s="247"/>
      <c r="AJ39" s="247"/>
      <c r="AK39" s="248"/>
      <c r="AL39" s="90"/>
      <c r="AM39" s="245" t="s">
        <v>24</v>
      </c>
      <c r="AN39" s="140"/>
      <c r="AO39" s="452" t="s">
        <v>52</v>
      </c>
      <c r="AP39" s="453"/>
      <c r="AQ39" s="453"/>
      <c r="AR39" s="453"/>
      <c r="AS39" s="453"/>
      <c r="AT39" s="453"/>
      <c r="AU39" s="453"/>
      <c r="AV39" s="453"/>
      <c r="AW39" s="453"/>
      <c r="AX39" s="453"/>
      <c r="AY39" s="453"/>
      <c r="AZ39" s="453"/>
      <c r="BA39" s="453"/>
      <c r="BB39" s="453"/>
      <c r="BC39" s="453"/>
      <c r="BD39" s="454"/>
    </row>
    <row r="40" spans="1:56" ht="15" customHeight="1" thickBot="1">
      <c r="A40" s="271"/>
      <c r="B40" s="272"/>
      <c r="C40" s="272"/>
      <c r="D40" s="272"/>
      <c r="E40" s="272"/>
      <c r="F40" s="271"/>
      <c r="G40" s="271"/>
      <c r="H40" s="6"/>
      <c r="I40" s="213"/>
      <c r="J40" s="431"/>
      <c r="K40" s="141"/>
      <c r="L40" s="141"/>
      <c r="M40" s="141"/>
      <c r="N40" s="139"/>
      <c r="O40" s="432"/>
      <c r="P40" s="432"/>
      <c r="Q40" s="432"/>
      <c r="R40" s="433"/>
      <c r="S40" s="449"/>
      <c r="T40" s="450"/>
      <c r="U40" s="451"/>
      <c r="V40" s="318"/>
      <c r="W40" s="319"/>
      <c r="X40" s="319"/>
      <c r="Y40" s="320"/>
      <c r="Z40" s="318"/>
      <c r="AA40" s="319"/>
      <c r="AB40" s="319"/>
      <c r="AC40" s="442"/>
      <c r="AD40" s="103"/>
      <c r="AE40" s="489"/>
      <c r="AF40" s="490"/>
      <c r="AG40" s="249"/>
      <c r="AH40" s="250"/>
      <c r="AI40" s="250"/>
      <c r="AJ40" s="250"/>
      <c r="AK40" s="251"/>
      <c r="AL40" s="90"/>
      <c r="AM40" s="431"/>
      <c r="AN40" s="141"/>
      <c r="AO40" s="492"/>
      <c r="AP40" s="493"/>
      <c r="AQ40" s="493"/>
      <c r="AR40" s="493"/>
      <c r="AS40" s="493"/>
      <c r="AT40" s="493"/>
      <c r="AU40" s="493"/>
      <c r="AV40" s="493"/>
      <c r="AW40" s="493"/>
      <c r="AX40" s="493"/>
      <c r="AY40" s="493"/>
      <c r="AZ40" s="493"/>
      <c r="BA40" s="493"/>
      <c r="BB40" s="493"/>
      <c r="BC40" s="493"/>
      <c r="BD40" s="494"/>
    </row>
    <row r="41" spans="1:56" ht="19.5" customHeight="1" thickBot="1">
      <c r="A41" s="271"/>
      <c r="B41" s="272"/>
      <c r="C41" s="272"/>
      <c r="D41" s="272"/>
      <c r="E41" s="272"/>
      <c r="F41" s="271"/>
      <c r="G41" s="271"/>
      <c r="H41" s="6"/>
      <c r="I41" s="22"/>
      <c r="J41" s="35" t="s">
        <v>79</v>
      </c>
      <c r="K41" s="23"/>
      <c r="L41" s="12"/>
      <c r="M41" s="107"/>
      <c r="N41" s="12"/>
      <c r="O41" s="12"/>
      <c r="P41" s="12"/>
      <c r="Q41" s="12"/>
      <c r="R41" s="12"/>
      <c r="S41" s="12"/>
      <c r="T41" s="12"/>
      <c r="U41" s="12"/>
      <c r="V41" s="12"/>
      <c r="W41" s="12"/>
      <c r="X41" s="12"/>
      <c r="Y41" s="12"/>
      <c r="Z41" s="12"/>
      <c r="AA41" s="12"/>
      <c r="AB41" s="12"/>
      <c r="AC41" s="12"/>
      <c r="AD41" s="12"/>
      <c r="AE41" s="12"/>
      <c r="AF41" s="12"/>
      <c r="AG41" s="12"/>
      <c r="AH41" s="12"/>
      <c r="AI41" s="12"/>
      <c r="AJ41" s="12"/>
      <c r="AK41" s="12"/>
      <c r="AL41" s="12"/>
      <c r="AM41" s="47"/>
      <c r="AN41" s="47"/>
      <c r="AO41" s="47"/>
      <c r="AP41" s="47"/>
      <c r="AQ41" s="24"/>
      <c r="AR41" s="24"/>
      <c r="AS41" s="24"/>
      <c r="AT41" s="13"/>
      <c r="AU41" s="277"/>
      <c r="AV41" s="277"/>
      <c r="AW41" s="488" t="s">
        <v>111</v>
      </c>
      <c r="AX41" s="488"/>
      <c r="AY41" s="488" t="s">
        <v>112</v>
      </c>
      <c r="AZ41" s="488"/>
      <c r="BA41" s="488" t="s">
        <v>113</v>
      </c>
      <c r="BB41" s="488"/>
      <c r="BC41" s="488" t="s">
        <v>114</v>
      </c>
      <c r="BD41" s="488"/>
    </row>
    <row r="42" spans="1:56" ht="15" customHeight="1">
      <c r="A42" s="271"/>
      <c r="B42" s="272"/>
      <c r="C42" s="272"/>
      <c r="D42" s="272"/>
      <c r="E42" s="272"/>
      <c r="F42" s="271"/>
      <c r="G42" s="271"/>
      <c r="H42" s="6"/>
      <c r="I42" s="211" t="s">
        <v>102</v>
      </c>
      <c r="J42" s="214" t="s">
        <v>142</v>
      </c>
      <c r="K42" s="214"/>
      <c r="L42" s="214"/>
      <c r="M42" s="214"/>
      <c r="N42" s="214"/>
      <c r="O42" s="214"/>
      <c r="P42" s="214"/>
      <c r="Q42" s="214"/>
      <c r="R42" s="214"/>
      <c r="S42" s="215"/>
      <c r="T42" s="216"/>
      <c r="U42" s="217"/>
      <c r="V42" s="217"/>
      <c r="W42" s="217"/>
      <c r="X42" s="217"/>
      <c r="Y42" s="217"/>
      <c r="Z42" s="218"/>
      <c r="AA42" s="296" t="s">
        <v>146</v>
      </c>
      <c r="AB42" s="297"/>
      <c r="AC42" s="225" t="s">
        <v>93</v>
      </c>
      <c r="AD42" s="226"/>
      <c r="AE42" s="235"/>
      <c r="AF42" s="236"/>
      <c r="AG42" s="236"/>
      <c r="AH42" s="236"/>
      <c r="AI42" s="237"/>
      <c r="AJ42" s="113" t="s">
        <v>61</v>
      </c>
      <c r="AK42" s="71"/>
      <c r="AL42" s="71"/>
      <c r="AM42" s="71"/>
      <c r="AN42" s="71"/>
      <c r="AO42" s="71"/>
      <c r="AP42" s="71"/>
      <c r="AQ42" s="71"/>
      <c r="AR42" s="71"/>
      <c r="AS42" s="72"/>
      <c r="AT42" s="242" t="s">
        <v>58</v>
      </c>
      <c r="AU42" s="197" t="s">
        <v>115</v>
      </c>
      <c r="AV42" s="198"/>
      <c r="AW42" s="203"/>
      <c r="AX42" s="203"/>
      <c r="AY42" s="203"/>
      <c r="AZ42" s="203"/>
      <c r="BA42" s="203"/>
      <c r="BB42" s="203"/>
      <c r="BC42" s="203"/>
      <c r="BD42" s="203"/>
    </row>
    <row r="43" spans="1:56" ht="15" customHeight="1">
      <c r="A43" s="271"/>
      <c r="B43" s="272"/>
      <c r="C43" s="272"/>
      <c r="D43" s="272"/>
      <c r="E43" s="272"/>
      <c r="F43" s="271"/>
      <c r="G43" s="271"/>
      <c r="H43" s="6"/>
      <c r="I43" s="212"/>
      <c r="J43" s="222" t="s">
        <v>66</v>
      </c>
      <c r="K43" s="222"/>
      <c r="L43" s="222"/>
      <c r="M43" s="222"/>
      <c r="N43" s="222"/>
      <c r="O43" s="222"/>
      <c r="P43" s="222"/>
      <c r="Q43" s="222"/>
      <c r="R43" s="222"/>
      <c r="S43" s="223"/>
      <c r="T43" s="219"/>
      <c r="U43" s="220"/>
      <c r="V43" s="220"/>
      <c r="W43" s="220"/>
      <c r="X43" s="220"/>
      <c r="Y43" s="220"/>
      <c r="Z43" s="221"/>
      <c r="AA43" s="298"/>
      <c r="AB43" s="299"/>
      <c r="AC43" s="227"/>
      <c r="AD43" s="228"/>
      <c r="AE43" s="184"/>
      <c r="AF43" s="179"/>
      <c r="AG43" s="179"/>
      <c r="AH43" s="179"/>
      <c r="AI43" s="238"/>
      <c r="AJ43" s="110"/>
      <c r="AK43" s="108"/>
      <c r="AL43" s="108"/>
      <c r="AM43" s="158"/>
      <c r="AN43" s="158"/>
      <c r="AO43" s="158"/>
      <c r="AQ43" s="35"/>
      <c r="AR43" s="35"/>
      <c r="AS43" s="75"/>
      <c r="AT43" s="243"/>
      <c r="AU43" s="199"/>
      <c r="AV43" s="200"/>
      <c r="AW43" s="204"/>
      <c r="AX43" s="204"/>
      <c r="AY43" s="204"/>
      <c r="AZ43" s="204"/>
      <c r="BA43" s="204"/>
      <c r="BB43" s="204"/>
      <c r="BC43" s="204"/>
      <c r="BD43" s="204"/>
    </row>
    <row r="44" spans="1:56" ht="12" customHeight="1">
      <c r="A44" s="271"/>
      <c r="B44" s="272"/>
      <c r="C44" s="272"/>
      <c r="D44" s="272"/>
      <c r="E44" s="272"/>
      <c r="F44" s="271"/>
      <c r="G44" s="271"/>
      <c r="H44" s="6"/>
      <c r="I44" s="212"/>
      <c r="J44" s="118" t="s">
        <v>70</v>
      </c>
      <c r="K44" s="119"/>
      <c r="L44" s="119"/>
      <c r="M44" s="120"/>
      <c r="N44" s="127" t="s">
        <v>141</v>
      </c>
      <c r="O44" s="128"/>
      <c r="P44" s="128"/>
      <c r="Q44" s="128"/>
      <c r="R44" s="128"/>
      <c r="S44" s="128"/>
      <c r="T44" s="128"/>
      <c r="U44" s="128"/>
      <c r="V44" s="128"/>
      <c r="W44" s="128"/>
      <c r="X44" s="128"/>
      <c r="Y44" s="128"/>
      <c r="Z44" s="129"/>
      <c r="AA44" s="298"/>
      <c r="AB44" s="299"/>
      <c r="AC44" s="229"/>
      <c r="AD44" s="230"/>
      <c r="AE44" s="185"/>
      <c r="AF44" s="182"/>
      <c r="AG44" s="182"/>
      <c r="AH44" s="182"/>
      <c r="AI44" s="239"/>
      <c r="AJ44" s="156" t="s">
        <v>97</v>
      </c>
      <c r="AK44" s="157"/>
      <c r="AL44" s="108"/>
      <c r="AM44" s="158"/>
      <c r="AN44" s="158"/>
      <c r="AO44" s="158"/>
      <c r="AP44" s="158" t="s">
        <v>57</v>
      </c>
      <c r="AQ44" s="158"/>
      <c r="AR44" s="109"/>
      <c r="AS44" s="114"/>
      <c r="AT44" s="243"/>
      <c r="AU44" s="201"/>
      <c r="AV44" s="202"/>
      <c r="AW44" s="205"/>
      <c r="AX44" s="205"/>
      <c r="AY44" s="205"/>
      <c r="AZ44" s="205"/>
      <c r="BA44" s="205"/>
      <c r="BB44" s="205"/>
      <c r="BC44" s="205"/>
      <c r="BD44" s="205"/>
    </row>
    <row r="45" spans="1:56" ht="12" customHeight="1">
      <c r="A45" s="271"/>
      <c r="B45" s="272"/>
      <c r="C45" s="272"/>
      <c r="D45" s="272"/>
      <c r="E45" s="272"/>
      <c r="F45" s="271"/>
      <c r="G45" s="271"/>
      <c r="H45" s="6"/>
      <c r="I45" s="212"/>
      <c r="J45" s="121"/>
      <c r="K45" s="122"/>
      <c r="L45" s="122"/>
      <c r="M45" s="123"/>
      <c r="N45" s="130"/>
      <c r="O45" s="131"/>
      <c r="P45" s="131"/>
      <c r="Q45" s="131"/>
      <c r="R45" s="131"/>
      <c r="S45" s="131"/>
      <c r="T45" s="131"/>
      <c r="U45" s="131"/>
      <c r="V45" s="131"/>
      <c r="W45" s="131"/>
      <c r="X45" s="131"/>
      <c r="Y45" s="131"/>
      <c r="Z45" s="132"/>
      <c r="AA45" s="298"/>
      <c r="AB45" s="299"/>
      <c r="AC45" s="231" t="s">
        <v>139</v>
      </c>
      <c r="AD45" s="232"/>
      <c r="AE45" s="240"/>
      <c r="AF45" s="140"/>
      <c r="AG45" s="140"/>
      <c r="AH45" s="140"/>
      <c r="AI45" s="241"/>
      <c r="AJ45" s="156"/>
      <c r="AK45" s="157"/>
      <c r="AL45" s="111"/>
      <c r="AM45" s="111"/>
      <c r="AN45" s="111"/>
      <c r="AO45" s="111"/>
      <c r="AP45" s="158"/>
      <c r="AQ45" s="158"/>
      <c r="AR45" s="111"/>
      <c r="AS45" s="112"/>
      <c r="AT45" s="243"/>
      <c r="AU45" s="206" t="s">
        <v>119</v>
      </c>
      <c r="AV45" s="206"/>
      <c r="AW45" s="206"/>
      <c r="AX45" s="206"/>
      <c r="AY45" s="206"/>
      <c r="AZ45" s="203" t="s">
        <v>124</v>
      </c>
      <c r="BA45" s="203"/>
      <c r="BB45" s="203"/>
      <c r="BC45" s="203"/>
      <c r="BD45" s="203"/>
    </row>
    <row r="46" spans="1:56" ht="12" customHeight="1">
      <c r="A46" s="271"/>
      <c r="B46" s="272"/>
      <c r="C46" s="272"/>
      <c r="D46" s="272"/>
      <c r="E46" s="272"/>
      <c r="F46" s="271"/>
      <c r="G46" s="271"/>
      <c r="H46" s="6"/>
      <c r="I46" s="212"/>
      <c r="J46" s="124"/>
      <c r="K46" s="125"/>
      <c r="L46" s="125"/>
      <c r="M46" s="126"/>
      <c r="N46" s="133"/>
      <c r="O46" s="134"/>
      <c r="P46" s="134"/>
      <c r="Q46" s="134"/>
      <c r="R46" s="134"/>
      <c r="S46" s="134"/>
      <c r="T46" s="134"/>
      <c r="U46" s="134"/>
      <c r="V46" s="134"/>
      <c r="W46" s="134"/>
      <c r="X46" s="134"/>
      <c r="Y46" s="134"/>
      <c r="Z46" s="135"/>
      <c r="AA46" s="298"/>
      <c r="AB46" s="299"/>
      <c r="AC46" s="227"/>
      <c r="AD46" s="228"/>
      <c r="AE46" s="184"/>
      <c r="AF46" s="179"/>
      <c r="AG46" s="179"/>
      <c r="AH46" s="179"/>
      <c r="AI46" s="238"/>
      <c r="AJ46" s="110"/>
      <c r="AK46" s="111"/>
      <c r="AL46" s="111"/>
      <c r="AM46" s="111"/>
      <c r="AN46" s="111"/>
      <c r="AO46" s="111"/>
      <c r="AP46" s="111"/>
      <c r="AQ46" s="111"/>
      <c r="AR46" s="111"/>
      <c r="AS46" s="112"/>
      <c r="AT46" s="243"/>
      <c r="AU46" s="207"/>
      <c r="AV46" s="207"/>
      <c r="AW46" s="207"/>
      <c r="AX46" s="207"/>
      <c r="AY46" s="207"/>
      <c r="AZ46" s="204"/>
      <c r="BA46" s="204"/>
      <c r="BB46" s="204"/>
      <c r="BC46" s="204"/>
      <c r="BD46" s="204"/>
    </row>
    <row r="47" spans="1:56" ht="12" customHeight="1">
      <c r="A47" s="271"/>
      <c r="B47" s="272"/>
      <c r="C47" s="272"/>
      <c r="D47" s="272"/>
      <c r="E47" s="272"/>
      <c r="F47" s="271"/>
      <c r="G47" s="271"/>
      <c r="H47" s="6"/>
      <c r="I47" s="212"/>
      <c r="J47" s="188" t="s">
        <v>36</v>
      </c>
      <c r="K47" s="189"/>
      <c r="L47" s="189"/>
      <c r="M47" s="190"/>
      <c r="N47" s="189"/>
      <c r="O47" s="189"/>
      <c r="P47" s="189"/>
      <c r="Q47" s="189"/>
      <c r="R47" s="189"/>
      <c r="S47" s="189"/>
      <c r="T47" s="189"/>
      <c r="U47" s="189"/>
      <c r="V47" s="189"/>
      <c r="W47" s="189"/>
      <c r="X47" s="189"/>
      <c r="Y47" s="189"/>
      <c r="Z47" s="190"/>
      <c r="AA47" s="298"/>
      <c r="AB47" s="299"/>
      <c r="AC47" s="227"/>
      <c r="AD47" s="228"/>
      <c r="AE47" s="184"/>
      <c r="AF47" s="179"/>
      <c r="AG47" s="179"/>
      <c r="AH47" s="179"/>
      <c r="AI47" s="238"/>
      <c r="AJ47" s="156"/>
      <c r="AK47" s="157"/>
      <c r="AL47" s="157"/>
      <c r="AM47" s="161" t="s">
        <v>145</v>
      </c>
      <c r="AN47" s="161"/>
      <c r="AO47" s="161"/>
      <c r="AP47" s="161"/>
      <c r="AQ47" s="161"/>
      <c r="AR47" s="161"/>
      <c r="AS47" s="162"/>
      <c r="AT47" s="243"/>
      <c r="AU47" s="208"/>
      <c r="AV47" s="208"/>
      <c r="AW47" s="208"/>
      <c r="AX47" s="208"/>
      <c r="AY47" s="208"/>
      <c r="AZ47" s="205"/>
      <c r="BA47" s="205"/>
      <c r="BB47" s="205"/>
      <c r="BC47" s="205"/>
      <c r="BD47" s="205"/>
    </row>
    <row r="48" spans="1:56" ht="12" customHeight="1">
      <c r="A48" s="271"/>
      <c r="B48" s="272"/>
      <c r="C48" s="272"/>
      <c r="D48" s="272"/>
      <c r="E48" s="272"/>
      <c r="F48" s="271"/>
      <c r="G48" s="271"/>
      <c r="H48" s="6"/>
      <c r="I48" s="212"/>
      <c r="J48" s="178" t="s">
        <v>49</v>
      </c>
      <c r="K48" s="179"/>
      <c r="L48" s="179"/>
      <c r="M48" s="180"/>
      <c r="N48" s="184"/>
      <c r="O48" s="179"/>
      <c r="P48" s="179"/>
      <c r="Q48" s="179"/>
      <c r="R48" s="179"/>
      <c r="S48" s="179"/>
      <c r="T48" s="179"/>
      <c r="U48" s="179"/>
      <c r="V48" s="179"/>
      <c r="W48" s="179"/>
      <c r="X48" s="179"/>
      <c r="Y48" s="179"/>
      <c r="Z48" s="180"/>
      <c r="AA48" s="298"/>
      <c r="AB48" s="299"/>
      <c r="AC48" s="229"/>
      <c r="AD48" s="230"/>
      <c r="AE48" s="185"/>
      <c r="AF48" s="182"/>
      <c r="AG48" s="182"/>
      <c r="AH48" s="182"/>
      <c r="AI48" s="239"/>
      <c r="AJ48" s="156"/>
      <c r="AK48" s="157"/>
      <c r="AL48" s="157"/>
      <c r="AM48" s="161"/>
      <c r="AN48" s="161"/>
      <c r="AO48" s="161"/>
      <c r="AP48" s="161"/>
      <c r="AQ48" s="161"/>
      <c r="AR48" s="161"/>
      <c r="AS48" s="162"/>
      <c r="AT48" s="243"/>
      <c r="AU48" s="144" t="s">
        <v>118</v>
      </c>
      <c r="AV48" s="145"/>
      <c r="AW48" s="145"/>
      <c r="AX48" s="145"/>
      <c r="AY48" s="146"/>
      <c r="AZ48" s="191" t="s">
        <v>125</v>
      </c>
      <c r="BA48" s="192"/>
      <c r="BB48" s="192"/>
      <c r="BC48" s="192"/>
      <c r="BD48" s="193"/>
    </row>
    <row r="49" spans="1:56" ht="12" customHeight="1">
      <c r="A49" s="271"/>
      <c r="B49" s="272"/>
      <c r="C49" s="272"/>
      <c r="D49" s="272"/>
      <c r="E49" s="272"/>
      <c r="F49" s="271"/>
      <c r="G49" s="271"/>
      <c r="H49" s="6"/>
      <c r="I49" s="212"/>
      <c r="J49" s="181"/>
      <c r="K49" s="182"/>
      <c r="L49" s="182"/>
      <c r="M49" s="183"/>
      <c r="N49" s="185"/>
      <c r="O49" s="182"/>
      <c r="P49" s="182"/>
      <c r="Q49" s="182"/>
      <c r="R49" s="182"/>
      <c r="S49" s="182"/>
      <c r="T49" s="182"/>
      <c r="U49" s="182"/>
      <c r="V49" s="182"/>
      <c r="W49" s="182"/>
      <c r="X49" s="182"/>
      <c r="Y49" s="182"/>
      <c r="Z49" s="183"/>
      <c r="AA49" s="298"/>
      <c r="AB49" s="299"/>
      <c r="AC49" s="227" t="s">
        <v>140</v>
      </c>
      <c r="AD49" s="228"/>
      <c r="AE49" s="240"/>
      <c r="AF49" s="140"/>
      <c r="AG49" s="140"/>
      <c r="AH49" s="140"/>
      <c r="AI49" s="241"/>
      <c r="AJ49" s="159"/>
      <c r="AK49" s="160"/>
      <c r="AL49" s="160"/>
      <c r="AM49" s="163"/>
      <c r="AN49" s="163"/>
      <c r="AO49" s="163"/>
      <c r="AP49" s="163"/>
      <c r="AQ49" s="163"/>
      <c r="AR49" s="163"/>
      <c r="AS49" s="164"/>
      <c r="AT49" s="243"/>
      <c r="AU49" s="147"/>
      <c r="AV49" s="148"/>
      <c r="AW49" s="148"/>
      <c r="AX49" s="148"/>
      <c r="AY49" s="149"/>
      <c r="AZ49" s="194"/>
      <c r="BA49" s="195"/>
      <c r="BB49" s="195"/>
      <c r="BC49" s="195"/>
      <c r="BD49" s="196"/>
    </row>
    <row r="50" spans="1:56" ht="12" customHeight="1">
      <c r="A50" s="271"/>
      <c r="B50" s="272"/>
      <c r="C50" s="272"/>
      <c r="D50" s="272"/>
      <c r="E50" s="272"/>
      <c r="F50" s="271"/>
      <c r="G50" s="271"/>
      <c r="H50" s="6"/>
      <c r="I50" s="212"/>
      <c r="J50" s="172" t="s">
        <v>154</v>
      </c>
      <c r="K50" s="173"/>
      <c r="L50" s="173"/>
      <c r="M50" s="174"/>
      <c r="N50" s="186"/>
      <c r="O50" s="173"/>
      <c r="P50" s="173"/>
      <c r="Q50" s="173"/>
      <c r="R50" s="173"/>
      <c r="S50" s="173"/>
      <c r="T50" s="173"/>
      <c r="U50" s="173"/>
      <c r="V50" s="173"/>
      <c r="W50" s="173"/>
      <c r="X50" s="173"/>
      <c r="Y50" s="173"/>
      <c r="Z50" s="142"/>
      <c r="AA50" s="298"/>
      <c r="AB50" s="299"/>
      <c r="AC50" s="227"/>
      <c r="AD50" s="228"/>
      <c r="AE50" s="184"/>
      <c r="AF50" s="179"/>
      <c r="AG50" s="179"/>
      <c r="AH50" s="179"/>
      <c r="AI50" s="238"/>
      <c r="AJ50" s="459" t="s">
        <v>60</v>
      </c>
      <c r="AK50" s="460"/>
      <c r="AL50" s="460"/>
      <c r="AM50" s="460"/>
      <c r="AN50" s="460"/>
      <c r="AO50" s="460"/>
      <c r="AP50" s="460"/>
      <c r="AQ50" s="460"/>
      <c r="AR50" s="460"/>
      <c r="AS50" s="461"/>
      <c r="AT50" s="243"/>
      <c r="AU50" s="144" t="s">
        <v>117</v>
      </c>
      <c r="AV50" s="145"/>
      <c r="AW50" s="145"/>
      <c r="AX50" s="145"/>
      <c r="AY50" s="146"/>
      <c r="AZ50" s="191" t="s">
        <v>125</v>
      </c>
      <c r="BA50" s="192"/>
      <c r="BB50" s="192"/>
      <c r="BC50" s="192"/>
      <c r="BD50" s="193"/>
    </row>
    <row r="51" spans="1:56" ht="12" customHeight="1">
      <c r="A51" s="271"/>
      <c r="B51" s="272"/>
      <c r="C51" s="272"/>
      <c r="D51" s="272"/>
      <c r="E51" s="272"/>
      <c r="F51" s="271"/>
      <c r="G51" s="271"/>
      <c r="H51" s="6"/>
      <c r="I51" s="212"/>
      <c r="J51" s="175"/>
      <c r="K51" s="176"/>
      <c r="L51" s="176"/>
      <c r="M51" s="177"/>
      <c r="N51" s="187"/>
      <c r="O51" s="176"/>
      <c r="P51" s="176"/>
      <c r="Q51" s="176"/>
      <c r="R51" s="176"/>
      <c r="S51" s="176"/>
      <c r="T51" s="176"/>
      <c r="U51" s="176"/>
      <c r="V51" s="176"/>
      <c r="W51" s="176"/>
      <c r="X51" s="176"/>
      <c r="Y51" s="176"/>
      <c r="Z51" s="224"/>
      <c r="AA51" s="298"/>
      <c r="AB51" s="299"/>
      <c r="AC51" s="227"/>
      <c r="AD51" s="228"/>
      <c r="AE51" s="184"/>
      <c r="AF51" s="179"/>
      <c r="AG51" s="179"/>
      <c r="AH51" s="179"/>
      <c r="AI51" s="238"/>
      <c r="AJ51" s="462"/>
      <c r="AK51" s="463"/>
      <c r="AL51" s="463"/>
      <c r="AM51" s="463"/>
      <c r="AN51" s="463"/>
      <c r="AO51" s="463"/>
      <c r="AP51" s="463"/>
      <c r="AQ51" s="463"/>
      <c r="AR51" s="463"/>
      <c r="AS51" s="464"/>
      <c r="AT51" s="243"/>
      <c r="AU51" s="147"/>
      <c r="AV51" s="148"/>
      <c r="AW51" s="148"/>
      <c r="AX51" s="148"/>
      <c r="AY51" s="149"/>
      <c r="AZ51" s="194"/>
      <c r="BA51" s="195"/>
      <c r="BB51" s="195"/>
      <c r="BC51" s="195"/>
      <c r="BD51" s="196"/>
    </row>
    <row r="52" spans="1:56" ht="12" customHeight="1">
      <c r="A52" s="271"/>
      <c r="B52" s="272"/>
      <c r="C52" s="272"/>
      <c r="D52" s="272"/>
      <c r="E52" s="272"/>
      <c r="F52" s="271"/>
      <c r="G52" s="271"/>
      <c r="H52" s="14"/>
      <c r="I52" s="212"/>
      <c r="J52" s="168" t="s">
        <v>138</v>
      </c>
      <c r="K52" s="169"/>
      <c r="L52" s="169"/>
      <c r="M52" s="169"/>
      <c r="N52" s="166"/>
      <c r="O52" s="140"/>
      <c r="P52" s="136"/>
      <c r="Q52" s="136"/>
      <c r="R52" s="138"/>
      <c r="S52" s="140"/>
      <c r="T52" s="136"/>
      <c r="U52" s="136"/>
      <c r="V52" s="138"/>
      <c r="W52" s="140"/>
      <c r="X52" s="136"/>
      <c r="Y52" s="136"/>
      <c r="Z52" s="142"/>
      <c r="AA52" s="298"/>
      <c r="AB52" s="299"/>
      <c r="AC52" s="227"/>
      <c r="AD52" s="228"/>
      <c r="AE52" s="184"/>
      <c r="AF52" s="179"/>
      <c r="AG52" s="179"/>
      <c r="AH52" s="179"/>
      <c r="AI52" s="238"/>
      <c r="AJ52" s="150" t="s">
        <v>71</v>
      </c>
      <c r="AK52" s="151"/>
      <c r="AL52" s="151"/>
      <c r="AM52" s="151"/>
      <c r="AN52" s="151"/>
      <c r="AO52" s="151"/>
      <c r="AP52" s="151"/>
      <c r="AQ52" s="151"/>
      <c r="AR52" s="151"/>
      <c r="AS52" s="152"/>
      <c r="AT52" s="243"/>
      <c r="AU52" s="144" t="s">
        <v>116</v>
      </c>
      <c r="AV52" s="145"/>
      <c r="AW52" s="145"/>
      <c r="AX52" s="145"/>
      <c r="AY52" s="146"/>
      <c r="AZ52" s="191" t="s">
        <v>125</v>
      </c>
      <c r="BA52" s="192"/>
      <c r="BB52" s="192"/>
      <c r="BC52" s="192"/>
      <c r="BD52" s="193"/>
    </row>
    <row r="53" spans="1:56" ht="12" customHeight="1" thickBot="1">
      <c r="A53" s="271"/>
      <c r="B53" s="272"/>
      <c r="C53" s="272"/>
      <c r="D53" s="272"/>
      <c r="E53" s="272"/>
      <c r="F53" s="271"/>
      <c r="G53" s="271"/>
      <c r="H53" s="14"/>
      <c r="I53" s="213"/>
      <c r="J53" s="170"/>
      <c r="K53" s="171"/>
      <c r="L53" s="171"/>
      <c r="M53" s="171"/>
      <c r="N53" s="167"/>
      <c r="O53" s="141"/>
      <c r="P53" s="137"/>
      <c r="Q53" s="137"/>
      <c r="R53" s="139"/>
      <c r="S53" s="141"/>
      <c r="T53" s="137"/>
      <c r="U53" s="137"/>
      <c r="V53" s="139"/>
      <c r="W53" s="141"/>
      <c r="X53" s="137"/>
      <c r="Y53" s="137"/>
      <c r="Z53" s="143"/>
      <c r="AA53" s="300"/>
      <c r="AB53" s="301"/>
      <c r="AC53" s="233"/>
      <c r="AD53" s="234"/>
      <c r="AE53" s="117" t="s">
        <v>149</v>
      </c>
      <c r="AF53" s="115"/>
      <c r="AG53" s="165"/>
      <c r="AH53" s="165"/>
      <c r="AI53" s="116" t="s">
        <v>150</v>
      </c>
      <c r="AJ53" s="153"/>
      <c r="AK53" s="154"/>
      <c r="AL53" s="154"/>
      <c r="AM53" s="154"/>
      <c r="AN53" s="154"/>
      <c r="AO53" s="154"/>
      <c r="AP53" s="154"/>
      <c r="AQ53" s="154"/>
      <c r="AR53" s="154"/>
      <c r="AS53" s="155"/>
      <c r="AT53" s="244"/>
      <c r="AU53" s="147"/>
      <c r="AV53" s="148"/>
      <c r="AW53" s="148"/>
      <c r="AX53" s="148"/>
      <c r="AY53" s="149"/>
      <c r="AZ53" s="194"/>
      <c r="BA53" s="195"/>
      <c r="BB53" s="195"/>
      <c r="BC53" s="195"/>
      <c r="BD53" s="196"/>
    </row>
    <row r="54" spans="1:56" ht="15.75" customHeight="1">
      <c r="A54" s="271"/>
      <c r="B54" s="272"/>
      <c r="C54" s="272"/>
      <c r="D54" s="272"/>
      <c r="E54" s="272"/>
      <c r="F54" s="271"/>
      <c r="G54" s="271"/>
      <c r="H54" s="6"/>
      <c r="I54" s="491" t="s">
        <v>129</v>
      </c>
      <c r="J54" s="491"/>
      <c r="K54" s="491"/>
      <c r="L54" s="491"/>
      <c r="M54" s="491"/>
      <c r="N54" s="491"/>
      <c r="O54" s="491"/>
      <c r="P54" s="491"/>
      <c r="Q54" s="491"/>
      <c r="R54" s="491"/>
      <c r="S54" s="491"/>
      <c r="T54" s="491"/>
      <c r="U54" s="491"/>
      <c r="V54" s="491"/>
      <c r="W54" s="491"/>
      <c r="X54" s="491"/>
      <c r="Y54" s="491"/>
      <c r="Z54" s="491"/>
      <c r="AA54" s="491"/>
      <c r="AB54" s="491"/>
      <c r="AC54" s="491"/>
      <c r="AD54" s="491"/>
      <c r="AE54" s="491"/>
      <c r="AF54" s="491"/>
      <c r="AG54" s="491"/>
      <c r="AH54" s="491"/>
      <c r="AI54" s="491"/>
      <c r="AJ54" s="491"/>
      <c r="AK54" s="491"/>
      <c r="AL54" s="491"/>
      <c r="AM54" s="491"/>
      <c r="AN54" s="491"/>
      <c r="AO54" s="491"/>
      <c r="AP54" s="491"/>
      <c r="AQ54" s="491"/>
      <c r="AR54" s="491"/>
      <c r="AS54" s="491"/>
      <c r="AT54" s="491"/>
      <c r="AU54" s="491"/>
      <c r="AV54" s="491"/>
      <c r="AW54" s="491"/>
      <c r="AX54" s="491"/>
      <c r="AY54" s="491"/>
      <c r="AZ54" s="491"/>
      <c r="BA54" s="491"/>
      <c r="BB54" s="491"/>
      <c r="BC54" s="491"/>
      <c r="BD54" s="491"/>
    </row>
    <row r="55" spans="1:56" ht="15.75" customHeight="1">
      <c r="A55" s="6"/>
      <c r="B55" s="6"/>
      <c r="C55" s="6"/>
      <c r="D55" s="7"/>
      <c r="E55" s="7"/>
      <c r="F55" s="6"/>
      <c r="G55" s="6"/>
      <c r="H55" s="6"/>
      <c r="I55" s="491"/>
      <c r="J55" s="491"/>
      <c r="K55" s="491"/>
      <c r="L55" s="491"/>
      <c r="M55" s="491"/>
      <c r="N55" s="491"/>
      <c r="O55" s="491"/>
      <c r="P55" s="491"/>
      <c r="Q55" s="491"/>
      <c r="R55" s="491"/>
      <c r="S55" s="491"/>
      <c r="T55" s="491"/>
      <c r="U55" s="491"/>
      <c r="V55" s="491"/>
      <c r="W55" s="491"/>
      <c r="X55" s="491"/>
      <c r="Y55" s="491"/>
      <c r="Z55" s="491"/>
      <c r="AA55" s="491"/>
      <c r="AB55" s="491"/>
      <c r="AC55" s="491"/>
      <c r="AD55" s="491"/>
      <c r="AE55" s="491"/>
      <c r="AF55" s="491"/>
      <c r="AG55" s="491"/>
      <c r="AH55" s="491"/>
      <c r="AI55" s="491"/>
      <c r="AJ55" s="491"/>
      <c r="AK55" s="491"/>
      <c r="AL55" s="491"/>
      <c r="AM55" s="491"/>
      <c r="AN55" s="491"/>
      <c r="AO55" s="491"/>
      <c r="AP55" s="491"/>
      <c r="AQ55" s="491"/>
      <c r="AR55" s="491"/>
      <c r="AS55" s="491"/>
      <c r="AT55" s="491"/>
      <c r="AU55" s="491"/>
      <c r="AV55" s="491"/>
      <c r="AW55" s="491"/>
      <c r="AX55" s="491"/>
      <c r="AY55" s="491"/>
      <c r="AZ55" s="491"/>
      <c r="BA55" s="491"/>
      <c r="BB55" s="491"/>
      <c r="BC55" s="491"/>
      <c r="BD55" s="491"/>
    </row>
    <row r="56" spans="1:56" ht="18.75" customHeight="1">
      <c r="I56" s="491"/>
      <c r="J56" s="491"/>
      <c r="K56" s="491"/>
      <c r="L56" s="491"/>
      <c r="M56" s="491"/>
      <c r="N56" s="491"/>
      <c r="O56" s="491"/>
      <c r="P56" s="491"/>
      <c r="Q56" s="491"/>
      <c r="R56" s="491"/>
      <c r="S56" s="491"/>
      <c r="T56" s="491"/>
      <c r="U56" s="491"/>
      <c r="V56" s="491"/>
      <c r="W56" s="491"/>
      <c r="X56" s="491"/>
      <c r="Y56" s="491"/>
      <c r="Z56" s="491"/>
      <c r="AA56" s="491"/>
      <c r="AB56" s="491"/>
      <c r="AC56" s="491"/>
      <c r="AD56" s="491"/>
      <c r="AE56" s="491"/>
      <c r="AF56" s="491"/>
      <c r="AG56" s="491"/>
      <c r="AH56" s="491"/>
      <c r="AI56" s="491"/>
      <c r="AJ56" s="491"/>
      <c r="AK56" s="491"/>
      <c r="AL56" s="491"/>
      <c r="AM56" s="491"/>
      <c r="AN56" s="491"/>
      <c r="AO56" s="491"/>
      <c r="AP56" s="491"/>
      <c r="AQ56" s="491"/>
      <c r="AR56" s="491"/>
      <c r="AS56" s="491"/>
      <c r="AT56" s="491"/>
      <c r="AU56" s="491"/>
      <c r="AV56" s="491"/>
      <c r="AW56" s="491"/>
      <c r="AX56" s="491"/>
      <c r="AY56" s="491"/>
      <c r="AZ56" s="491"/>
      <c r="BA56" s="491"/>
      <c r="BB56" s="491"/>
      <c r="BC56" s="491"/>
      <c r="BD56" s="491"/>
    </row>
  </sheetData>
  <mergeCells count="231">
    <mergeCell ref="I54:BD56"/>
    <mergeCell ref="Q17:Y17"/>
    <mergeCell ref="AM39:AN40"/>
    <mergeCell ref="AO39:BD40"/>
    <mergeCell ref="X21:X22"/>
    <mergeCell ref="Y21:Y22"/>
    <mergeCell ref="AN2:AP2"/>
    <mergeCell ref="AQ2:AU2"/>
    <mergeCell ref="AV2:AZ2"/>
    <mergeCell ref="BA2:BD2"/>
    <mergeCell ref="BB25:BD25"/>
    <mergeCell ref="BB26:BD26"/>
    <mergeCell ref="BB27:BD30"/>
    <mergeCell ref="AN3:AP5"/>
    <mergeCell ref="AQ3:AU5"/>
    <mergeCell ref="AV3:AZ5"/>
    <mergeCell ref="BA3:BD5"/>
    <mergeCell ref="AC21:AD22"/>
    <mergeCell ref="X23:X24"/>
    <mergeCell ref="Y23:Y24"/>
    <mergeCell ref="AC23:AF28"/>
    <mergeCell ref="AG23:AI28"/>
    <mergeCell ref="AO35:BD36"/>
    <mergeCell ref="AM37:AN38"/>
    <mergeCell ref="AO37:BD38"/>
    <mergeCell ref="N25:Y26"/>
    <mergeCell ref="AJ50:AS51"/>
    <mergeCell ref="BA6:BD9"/>
    <mergeCell ref="AQ18:BA20"/>
    <mergeCell ref="AW25:AZ25"/>
    <mergeCell ref="BB18:BD18"/>
    <mergeCell ref="BB19:BD19"/>
    <mergeCell ref="BB20:BD20"/>
    <mergeCell ref="J13:O14"/>
    <mergeCell ref="AK33:AK34"/>
    <mergeCell ref="AM33:AN34"/>
    <mergeCell ref="AO33:BD34"/>
    <mergeCell ref="AY41:AZ41"/>
    <mergeCell ref="BA41:BB41"/>
    <mergeCell ref="BC41:BD41"/>
    <mergeCell ref="AZ48:BD49"/>
    <mergeCell ref="AZ50:BD51"/>
    <mergeCell ref="AM43:AO44"/>
    <mergeCell ref="AU48:AY49"/>
    <mergeCell ref="AU50:AY51"/>
    <mergeCell ref="AW41:AX41"/>
    <mergeCell ref="AE39:AF40"/>
    <mergeCell ref="R23:R24"/>
    <mergeCell ref="AG33:AI34"/>
    <mergeCell ref="AJ33:AJ34"/>
    <mergeCell ref="Z34:AC34"/>
    <mergeCell ref="S35:U36"/>
    <mergeCell ref="V35:Y36"/>
    <mergeCell ref="Z35:AC40"/>
    <mergeCell ref="AE35:AF38"/>
    <mergeCell ref="AG35:AK36"/>
    <mergeCell ref="S33:U34"/>
    <mergeCell ref="S39:U40"/>
    <mergeCell ref="V39:Y40"/>
    <mergeCell ref="T23:T24"/>
    <mergeCell ref="U23:U24"/>
    <mergeCell ref="V23:V24"/>
    <mergeCell ref="W23:W24"/>
    <mergeCell ref="J23:M24"/>
    <mergeCell ref="N23:N24"/>
    <mergeCell ref="O23:O24"/>
    <mergeCell ref="P23:P24"/>
    <mergeCell ref="I31:I40"/>
    <mergeCell ref="J31:R32"/>
    <mergeCell ref="S31:AC32"/>
    <mergeCell ref="S37:U38"/>
    <mergeCell ref="V37:Y38"/>
    <mergeCell ref="V33:Y34"/>
    <mergeCell ref="Z33:AC33"/>
    <mergeCell ref="J38:N40"/>
    <mergeCell ref="O38:R40"/>
    <mergeCell ref="D2:D4"/>
    <mergeCell ref="E2:E4"/>
    <mergeCell ref="J7:M7"/>
    <mergeCell ref="W7:AK8"/>
    <mergeCell ref="P10:Q10"/>
    <mergeCell ref="S2:AL3"/>
    <mergeCell ref="M1:R2"/>
    <mergeCell ref="Q23:Q24"/>
    <mergeCell ref="J21:M22"/>
    <mergeCell ref="N21:S22"/>
    <mergeCell ref="T21:T22"/>
    <mergeCell ref="U21:U22"/>
    <mergeCell ref="AC17:AF17"/>
    <mergeCell ref="AG17:AI17"/>
    <mergeCell ref="V21:V22"/>
    <mergeCell ref="W21:W22"/>
    <mergeCell ref="AE21:AF22"/>
    <mergeCell ref="AG21:AH22"/>
    <mergeCell ref="AI21:AI22"/>
    <mergeCell ref="Z17:AB17"/>
    <mergeCell ref="AF14:AG15"/>
    <mergeCell ref="AH14:AH15"/>
    <mergeCell ref="AI14:AI15"/>
    <mergeCell ref="S23:S24"/>
    <mergeCell ref="AY17:BB17"/>
    <mergeCell ref="J18:M20"/>
    <mergeCell ref="N18:P20"/>
    <mergeCell ref="Q18:V20"/>
    <mergeCell ref="Z18:AB18"/>
    <mergeCell ref="AC18:AF18"/>
    <mergeCell ref="AG18:AI18"/>
    <mergeCell ref="AM18:AP20"/>
    <mergeCell ref="AJ14:AJ15"/>
    <mergeCell ref="S6:S15"/>
    <mergeCell ref="T6:V8"/>
    <mergeCell ref="X6:Z6"/>
    <mergeCell ref="AM6:AP7"/>
    <mergeCell ref="T14:V15"/>
    <mergeCell ref="W14:W15"/>
    <mergeCell ref="X14:X15"/>
    <mergeCell ref="Y14:Y15"/>
    <mergeCell ref="Z14:Z15"/>
    <mergeCell ref="AA14:AA15"/>
    <mergeCell ref="AB14:AB15"/>
    <mergeCell ref="AC14:AC15"/>
    <mergeCell ref="AD14:AE15"/>
    <mergeCell ref="T10:V11"/>
    <mergeCell ref="W10:AK11"/>
    <mergeCell ref="AM2:AM5"/>
    <mergeCell ref="M3:R4"/>
    <mergeCell ref="AI4:AL5"/>
    <mergeCell ref="R6:R15"/>
    <mergeCell ref="AG16:AI16"/>
    <mergeCell ref="W19:W20"/>
    <mergeCell ref="X19:Y20"/>
    <mergeCell ref="Z19:AB28"/>
    <mergeCell ref="AC19:AD20"/>
    <mergeCell ref="AE19:AF20"/>
    <mergeCell ref="AG19:AH20"/>
    <mergeCell ref="AI19:AI20"/>
    <mergeCell ref="AJ19:AL24"/>
    <mergeCell ref="N27:Y28"/>
    <mergeCell ref="J17:M17"/>
    <mergeCell ref="AM8:AP9"/>
    <mergeCell ref="T9:V9"/>
    <mergeCell ref="W9:AL9"/>
    <mergeCell ref="T12:V13"/>
    <mergeCell ref="AM10:AP17"/>
    <mergeCell ref="J16:Y16"/>
    <mergeCell ref="Z16:AB16"/>
    <mergeCell ref="AC16:AF16"/>
    <mergeCell ref="J25:M26"/>
    <mergeCell ref="AQ10:AR11"/>
    <mergeCell ref="AS10:BD11"/>
    <mergeCell ref="AQ12:AR14"/>
    <mergeCell ref="N17:P17"/>
    <mergeCell ref="AT17:AV17"/>
    <mergeCell ref="A5:A54"/>
    <mergeCell ref="B5:B54"/>
    <mergeCell ref="C5:C54"/>
    <mergeCell ref="D5:D54"/>
    <mergeCell ref="E5:E54"/>
    <mergeCell ref="F5:F54"/>
    <mergeCell ref="W12:AJ13"/>
    <mergeCell ref="AK12:AK13"/>
    <mergeCell ref="G5:G54"/>
    <mergeCell ref="I6:I28"/>
    <mergeCell ref="AU41:AV41"/>
    <mergeCell ref="AS12:BD14"/>
    <mergeCell ref="BB21:BD24"/>
    <mergeCell ref="AK14:AL15"/>
    <mergeCell ref="AQ15:AR17"/>
    <mergeCell ref="AS15:BD16"/>
    <mergeCell ref="AJ16:AL18"/>
    <mergeCell ref="J27:M28"/>
    <mergeCell ref="AA42:AB53"/>
    <mergeCell ref="AR29:AY30"/>
    <mergeCell ref="I42:I53"/>
    <mergeCell ref="O52:O53"/>
    <mergeCell ref="P52:P53"/>
    <mergeCell ref="Q52:Q53"/>
    <mergeCell ref="R52:R53"/>
    <mergeCell ref="S52:S53"/>
    <mergeCell ref="T52:T53"/>
    <mergeCell ref="J42:S42"/>
    <mergeCell ref="T42:Z43"/>
    <mergeCell ref="J43:S43"/>
    <mergeCell ref="Z50:Z51"/>
    <mergeCell ref="AC42:AD44"/>
    <mergeCell ref="AC45:AD48"/>
    <mergeCell ref="AC49:AD53"/>
    <mergeCell ref="AE42:AI44"/>
    <mergeCell ref="AE45:AI48"/>
    <mergeCell ref="AE49:AI52"/>
    <mergeCell ref="AT42:AT53"/>
    <mergeCell ref="AM35:AN36"/>
    <mergeCell ref="AG39:AK40"/>
    <mergeCell ref="AE31:AK32"/>
    <mergeCell ref="AG37:AK38"/>
    <mergeCell ref="AE33:AF34"/>
    <mergeCell ref="AZ52:BD53"/>
    <mergeCell ref="AU42:AV44"/>
    <mergeCell ref="AW42:AW44"/>
    <mergeCell ref="AX42:AX44"/>
    <mergeCell ref="AY42:AY44"/>
    <mergeCell ref="AZ42:AZ44"/>
    <mergeCell ref="BA42:BA44"/>
    <mergeCell ref="BB42:BB44"/>
    <mergeCell ref="BC42:BC44"/>
    <mergeCell ref="BD42:BD44"/>
    <mergeCell ref="AU45:AY47"/>
    <mergeCell ref="AZ45:BD47"/>
    <mergeCell ref="J44:M46"/>
    <mergeCell ref="N44:Z46"/>
    <mergeCell ref="U52:U53"/>
    <mergeCell ref="V52:V53"/>
    <mergeCell ref="W52:W53"/>
    <mergeCell ref="X52:X53"/>
    <mergeCell ref="Y52:Y53"/>
    <mergeCell ref="Z52:Z53"/>
    <mergeCell ref="AU52:AY53"/>
    <mergeCell ref="AJ52:AS53"/>
    <mergeCell ref="AJ44:AK45"/>
    <mergeCell ref="AP44:AQ45"/>
    <mergeCell ref="AJ47:AL49"/>
    <mergeCell ref="AM47:AS49"/>
    <mergeCell ref="AG53:AH53"/>
    <mergeCell ref="N52:N53"/>
    <mergeCell ref="J52:M53"/>
    <mergeCell ref="J50:M51"/>
    <mergeCell ref="J48:M49"/>
    <mergeCell ref="N48:Z49"/>
    <mergeCell ref="N50:Y51"/>
    <mergeCell ref="J47:M47"/>
    <mergeCell ref="N47:Z47"/>
  </mergeCells>
  <phoneticPr fontId="2"/>
  <printOptions horizontalCentered="1" verticalCentered="1"/>
  <pageMargins left="0" right="0" top="0" bottom="0" header="0.51181102362204722" footer="0.23622047244094491"/>
  <pageSetup paperSize="9" scale="81" orientation="landscape" horizontalDpi="300" verticalDpi="300"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給与所得者異動届出書</vt:lpstr>
      <vt:lpstr>給与所得者異動届出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mkprof</cp:lastModifiedBy>
  <cp:lastPrinted>2017-05-01T01:19:07Z</cp:lastPrinted>
  <dcterms:created xsi:type="dcterms:W3CDTF">2012-12-19T00:58:53Z</dcterms:created>
  <dcterms:modified xsi:type="dcterms:W3CDTF">2022-12-09T02:06:42Z</dcterms:modified>
</cp:coreProperties>
</file>